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Even in cases where similar programs are being managed across countries, the requirements within these programs can vary widely from place to plac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sz="1800" b="0" i="0" u="none" strike="noStrike">
                <a:solidFill>
                  <a:srgbClr val="000000"/>
                </a:solidFill>
                <a:effectLst/>
                <a:latin typeface="Lato" panose="020F0502020204030203" pitchFamily="34" charset="0"/>
              </a:rPr>
              <a:t>How is it possible to adapt DHIS2 to work within these various scenarios and meet the needs of diverse use cases?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DHIS2 is a flexible, open-source platform that can be customized to meet a wide range of requirements. It supports both aggregate and individual level data models, data entry on desktop and mobile devices, the creation of custom web and Android apps, and integration with other software platforms through open API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spcBef>
                <a:spcPts val="0"/>
              </a:spcBef>
              <a:spcAft>
                <a:spcPts val="0"/>
              </a:spcAft>
            </a:pPr>
            <a:r>
              <a:rPr lang="en-US" sz="1800" b="0" i="0" u="none" strike="noStrike" dirty="0">
                <a:solidFill>
                  <a:srgbClr val="000000"/>
                </a:solidFill>
                <a:effectLst/>
                <a:latin typeface="Lato" panose="020F0502020204030203" pitchFamily="34" charset="0"/>
              </a:rPr>
              <a:t>You can use DHIS2 in any domain where the DHIS2 data model can be applied. As you learned in the introduction to DHIS2 course, this data model is based on capturing data values along three key dimensions, the data element, organization unit, and period.</a:t>
            </a:r>
            <a:br>
              <a:rPr lang="en-US" dirty="0"/>
            </a:br>
            <a:endParaRPr lang="es-ES" dirty="0"/>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Because the data model and feature set are purely generic, in other words, DHIS2 is not designed for one particular use case, but to be used for an unlimited variety of use cases. The system must be customized based on the needs of each specific implementation before it can be used. </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spcBef>
                <a:spcPts val="0"/>
              </a:spcBef>
              <a:spcAft>
                <a:spcPts val="0"/>
              </a:spcAft>
            </a:pPr>
            <a:r>
              <a:rPr lang="en-US" sz="1800" b="0" i="0" u="none" strike="noStrike" dirty="0">
                <a:solidFill>
                  <a:srgbClr val="000000"/>
                </a:solidFill>
                <a:effectLst/>
                <a:latin typeface="Lato" panose="020F0502020204030203" pitchFamily="34" charset="0"/>
              </a:rPr>
              <a:t>DHIS2 allows you to configure its metadata and structure without the need for programming skills. </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fontAlgn="base">
              <a:buFont typeface="Arial" panose="020B0604020202020204" pitchFamily="34" charset="0"/>
              <a:buNone/>
            </a:pPr>
            <a:r>
              <a:rPr lang="en-US" dirty="0">
                <a:solidFill>
                  <a:srgbClr val="000000"/>
                </a:solidFill>
                <a:effectLst/>
                <a:sym typeface=""/>
              </a:rPr>
              <a:t>Using the user interface, you are able to create an organization unit hierarchy, including facilities and geographical boundaries, the data elements to collect data values, indicators using these data elements, data sets and customized data entry forms, users, and user-based access controls. There are many other aspects of DHIS2 that can be customized as well. </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While the core DHIS2 software is developed by the University of Oslo, each country or organization has full ownership of their DHIS2 implementation along with the configuration and data contained within it. </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This allows each country or organization to have their own customized DHIS2 system that is suited for the unique context they operate in and customized to meet their requirement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rtl="0">
              <a:spcBef>
                <a:spcPts val="0"/>
              </a:spcBef>
              <a:spcAft>
                <a:spcPts val="0"/>
              </a:spcAft>
            </a:pPr>
            <a:r>
              <a:rPr lang="en-US" noProof="0" dirty="0"/>
              <a:t>In this course, you will learn the basics of DHIS2 configuration. This includes how to create your own organization unit hierarchy, the key steps of setting up a simple aggregate data collection tool for a health program, including creating data elements, creating data sets, and creating indicators for data analysis. This will help prepare you to be able to set up a DHIS2 instance to meet your specific needs. We hope you enjoy this course.</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r>
              <a:rPr lang="en-US" sz="1800" b="0" i="0" u="none" strike="noStrike" dirty="0">
                <a:solidFill>
                  <a:srgbClr val="000000"/>
                </a:solidFill>
                <a:effectLst/>
                <a:latin typeface="Lato" panose="020F0502020204030203" pitchFamily="34" charset="0"/>
              </a:rPr>
              <a:t>Welcome to the DHIS2 Customization course.</a:t>
            </a:r>
            <a:endParaRPr lang="es-ES" sz="1200" dirty="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pPr marL="0" algn="l" rtl="0" fontAlgn="t">
              <a:spcBef>
                <a:spcPts val="0"/>
              </a:spcBef>
              <a:spcAft>
                <a:spcPts val="0"/>
              </a:spcAft>
            </a:pPr>
            <a:r>
              <a:rPr lang="en-US" sz="1800" b="0" i="0" u="none" strike="noStrike" dirty="0">
                <a:solidFill>
                  <a:srgbClr val="000000"/>
                </a:solidFill>
                <a:effectLst/>
                <a:latin typeface="Lato" panose="020F0502020204030203" pitchFamily="34" charset="0"/>
              </a:rPr>
              <a:t>This will help prepare you to be able to set up a DHIS2 instance to meet your specific needs. We hope you enjoy the course! </a:t>
            </a:r>
            <a:endParaRPr lang="es-ES" dirty="0"/>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One of the core features of DHIS2 is its customizability. But what does customization mean in the context of DHIS2?</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sz="1800" b="0" i="0" u="none" strike="noStrike" dirty="0">
                <a:solidFill>
                  <a:srgbClr val="000000"/>
                </a:solidFill>
                <a:effectLst/>
                <a:latin typeface="Lato" panose="020F0502020204030203" pitchFamily="34" charset="0"/>
              </a:rPr>
              <a:t>In this video, you will get a short introduction to the concept of DHIS2 customization and why it is an essential part of DHIS2 implementation.</a:t>
            </a:r>
            <a:endParaRPr lang="es-ES" dirty="0"/>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DHIS2 is used in more than 100 countries around the world. While the majority of implementations use DHIS2 as a health information system, DHIS2 is also used to collect and manage data in the education sector, such as for school infrastructure and student attendance, as well as for logistics management, human resources, nutrition and sanitation programs, wildlife monitoring, and much more. </a:t>
            </a:r>
            <a:br>
              <a:rPr lang="en-US" dirty="0"/>
            </a:br>
            <a:endParaRPr lang="es-ES" dirty="0"/>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For example, a health information system can include multiple health programs, such as maternal health, immunization, and malaria control. </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Some programs can be managed through collection and analysis of aggregate data while others require data down to the individual lev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Different countries and contexts allow for different means of data collection, such as on a mobile device or a web browser...</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 and specific information outputs are required for each context to facilitate tasks such as data analysis, patient follow-up, and program management and evaluation.</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4.png"/><Relationship Id="rId3" Type="http://schemas.microsoft.com/office/2007/relationships/media" Target="../media/media1.mp3"/><Relationship Id="rId7" Type="http://schemas.openxmlformats.org/officeDocument/2006/relationships/image" Target="../media/image13.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2.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10.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notesSlide" Target="../notesSlides/notesSlide10.xml"/><Relationship Id="rId7" Type="http://schemas.openxmlformats.org/officeDocument/2006/relationships/image" Target="../media/image34.svg"/><Relationship Id="rId2" Type="http://schemas.openxmlformats.org/officeDocument/2006/relationships/slideLayout" Target="../slideLayouts/slideLayout26.xml"/><Relationship Id="rId1" Type="http://schemas.openxmlformats.org/officeDocument/2006/relationships/tags" Target="../tags/tag11.xml"/><Relationship Id="rId6" Type="http://schemas.openxmlformats.org/officeDocument/2006/relationships/image" Target="../media/image33.png"/><Relationship Id="rId5" Type="http://schemas.openxmlformats.org/officeDocument/2006/relationships/image" Target="../media/image26.svg"/><Relationship Id="rId4" Type="http://schemas.openxmlformats.org/officeDocument/2006/relationships/image" Target="../media/image25.png"/><Relationship Id="rId9" Type="http://schemas.openxmlformats.org/officeDocument/2006/relationships/image" Target="../media/image47.sv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26.xml"/><Relationship Id="rId1" Type="http://schemas.openxmlformats.org/officeDocument/2006/relationships/tags" Target="../tags/tag12.xml"/><Relationship Id="rId5" Type="http://schemas.openxmlformats.org/officeDocument/2006/relationships/image" Target="../media/image24.svg"/><Relationship Id="rId4" Type="http://schemas.openxmlformats.org/officeDocument/2006/relationships/image" Target="../media/image23.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6.xml"/><Relationship Id="rId1" Type="http://schemas.openxmlformats.org/officeDocument/2006/relationships/tags" Target="../tags/tag13.xml"/><Relationship Id="rId5" Type="http://schemas.openxmlformats.org/officeDocument/2006/relationships/image" Target="../media/image30.svg"/><Relationship Id="rId4" Type="http://schemas.openxmlformats.org/officeDocument/2006/relationships/image" Target="../media/image29.png"/></Relationships>
</file>

<file path=ppt/slides/_rels/slide13.xml.rels><?xml version="1.0" encoding="UTF-8" standalone="yes"?>
<Relationships xmlns="http://schemas.openxmlformats.org/package/2006/relationships"><Relationship Id="rId8" Type="http://schemas.openxmlformats.org/officeDocument/2006/relationships/image" Target="../media/image29.png"/><Relationship Id="rId13" Type="http://schemas.openxmlformats.org/officeDocument/2006/relationships/image" Target="../media/image51.png"/><Relationship Id="rId3" Type="http://schemas.openxmlformats.org/officeDocument/2006/relationships/notesSlide" Target="../notesSlides/notesSlide13.xml"/><Relationship Id="rId7" Type="http://schemas.openxmlformats.org/officeDocument/2006/relationships/image" Target="../media/image32.svg"/><Relationship Id="rId12" Type="http://schemas.openxmlformats.org/officeDocument/2006/relationships/image" Target="../media/image50.svg"/><Relationship Id="rId2" Type="http://schemas.openxmlformats.org/officeDocument/2006/relationships/slideLayout" Target="../slideLayouts/slideLayout26.xml"/><Relationship Id="rId1" Type="http://schemas.openxmlformats.org/officeDocument/2006/relationships/tags" Target="../tags/tag14.xml"/><Relationship Id="rId6" Type="http://schemas.openxmlformats.org/officeDocument/2006/relationships/image" Target="../media/image31.png"/><Relationship Id="rId11" Type="http://schemas.openxmlformats.org/officeDocument/2006/relationships/image" Target="../media/image49.png"/><Relationship Id="rId5" Type="http://schemas.openxmlformats.org/officeDocument/2006/relationships/image" Target="../media/image28.svg"/><Relationship Id="rId10" Type="http://schemas.openxmlformats.org/officeDocument/2006/relationships/image" Target="../media/image48.png"/><Relationship Id="rId4" Type="http://schemas.openxmlformats.org/officeDocument/2006/relationships/image" Target="../media/image27.png"/><Relationship Id="rId9" Type="http://schemas.openxmlformats.org/officeDocument/2006/relationships/image" Target="../media/image30.svg"/><Relationship Id="rId14" Type="http://schemas.openxmlformats.org/officeDocument/2006/relationships/image" Target="../media/image52.svg"/></Relationships>
</file>

<file path=ppt/slides/_rels/slide14.xml.rels><?xml version="1.0" encoding="UTF-8" standalone="yes"?>
<Relationships xmlns="http://schemas.openxmlformats.org/package/2006/relationships"><Relationship Id="rId8" Type="http://schemas.openxmlformats.org/officeDocument/2006/relationships/image" Target="../media/image50.svg"/><Relationship Id="rId3" Type="http://schemas.openxmlformats.org/officeDocument/2006/relationships/notesSlide" Target="../notesSlides/notesSlide14.xml"/><Relationship Id="rId7" Type="http://schemas.openxmlformats.org/officeDocument/2006/relationships/image" Target="../media/image49.png"/><Relationship Id="rId2" Type="http://schemas.openxmlformats.org/officeDocument/2006/relationships/slideLayout" Target="../slideLayouts/slideLayout26.xml"/><Relationship Id="rId1" Type="http://schemas.openxmlformats.org/officeDocument/2006/relationships/tags" Target="../tags/tag15.xml"/><Relationship Id="rId6" Type="http://schemas.openxmlformats.org/officeDocument/2006/relationships/image" Target="../media/image48.png"/><Relationship Id="rId5" Type="http://schemas.openxmlformats.org/officeDocument/2006/relationships/image" Target="../media/image30.svg"/><Relationship Id="rId10" Type="http://schemas.openxmlformats.org/officeDocument/2006/relationships/image" Target="../media/image52.svg"/><Relationship Id="rId4" Type="http://schemas.openxmlformats.org/officeDocument/2006/relationships/image" Target="../media/image29.png"/><Relationship Id="rId9" Type="http://schemas.openxmlformats.org/officeDocument/2006/relationships/image" Target="../media/image51.png"/></Relationships>
</file>

<file path=ppt/slides/_rels/slide15.xml.rels><?xml version="1.0" encoding="UTF-8" standalone="yes"?>
<Relationships xmlns="http://schemas.openxmlformats.org/package/2006/relationships"><Relationship Id="rId8" Type="http://schemas.openxmlformats.org/officeDocument/2006/relationships/image" Target="../media/image50.svg"/><Relationship Id="rId3" Type="http://schemas.openxmlformats.org/officeDocument/2006/relationships/notesSlide" Target="../notesSlides/notesSlide15.xml"/><Relationship Id="rId7" Type="http://schemas.openxmlformats.org/officeDocument/2006/relationships/image" Target="../media/image49.png"/><Relationship Id="rId2" Type="http://schemas.openxmlformats.org/officeDocument/2006/relationships/slideLayout" Target="../slideLayouts/slideLayout26.xml"/><Relationship Id="rId1" Type="http://schemas.openxmlformats.org/officeDocument/2006/relationships/tags" Target="../tags/tag16.xml"/><Relationship Id="rId6" Type="http://schemas.openxmlformats.org/officeDocument/2006/relationships/image" Target="../media/image48.png"/><Relationship Id="rId5" Type="http://schemas.openxmlformats.org/officeDocument/2006/relationships/image" Target="../media/image30.svg"/><Relationship Id="rId10" Type="http://schemas.openxmlformats.org/officeDocument/2006/relationships/image" Target="../media/image52.svg"/><Relationship Id="rId4" Type="http://schemas.openxmlformats.org/officeDocument/2006/relationships/image" Target="../media/image29.png"/><Relationship Id="rId9" Type="http://schemas.openxmlformats.org/officeDocument/2006/relationships/image" Target="../media/image51.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26.xml"/><Relationship Id="rId1" Type="http://schemas.openxmlformats.org/officeDocument/2006/relationships/tags" Target="../tags/tag17.xml"/></Relationships>
</file>

<file path=ppt/slides/_rels/slide17.xml.rels><?xml version="1.0" encoding="UTF-8" standalone="yes"?>
<Relationships xmlns="http://schemas.openxmlformats.org/package/2006/relationships"><Relationship Id="rId8" Type="http://schemas.openxmlformats.org/officeDocument/2006/relationships/image" Target="../media/image30.svg"/><Relationship Id="rId3" Type="http://schemas.openxmlformats.org/officeDocument/2006/relationships/notesSlide" Target="../notesSlides/notesSlide17.xml"/><Relationship Id="rId7" Type="http://schemas.openxmlformats.org/officeDocument/2006/relationships/image" Target="../media/image29.png"/><Relationship Id="rId2" Type="http://schemas.openxmlformats.org/officeDocument/2006/relationships/slideLayout" Target="../slideLayouts/slideLayout26.xml"/><Relationship Id="rId1" Type="http://schemas.openxmlformats.org/officeDocument/2006/relationships/tags" Target="../tags/tag18.xml"/><Relationship Id="rId6" Type="http://schemas.openxmlformats.org/officeDocument/2006/relationships/image" Target="../media/image53.png"/><Relationship Id="rId5" Type="http://schemas.openxmlformats.org/officeDocument/2006/relationships/image" Target="../media/image26.svg"/><Relationship Id="rId4" Type="http://schemas.openxmlformats.org/officeDocument/2006/relationships/image" Target="../media/image25.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7" Type="http://schemas.openxmlformats.org/officeDocument/2006/relationships/image" Target="../media/image30.svg"/><Relationship Id="rId2" Type="http://schemas.openxmlformats.org/officeDocument/2006/relationships/slideLayout" Target="../slideLayouts/slideLayout26.xml"/><Relationship Id="rId1" Type="http://schemas.openxmlformats.org/officeDocument/2006/relationships/tags" Target="../tags/tag19.xml"/><Relationship Id="rId6" Type="http://schemas.openxmlformats.org/officeDocument/2006/relationships/image" Target="../media/image29.png"/><Relationship Id="rId5" Type="http://schemas.openxmlformats.org/officeDocument/2006/relationships/image" Target="../media/image26.svg"/><Relationship Id="rId4" Type="http://schemas.openxmlformats.org/officeDocument/2006/relationships/image" Target="../media/image25.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2.xml"/><Relationship Id="rId1" Type="http://schemas.openxmlformats.org/officeDocument/2006/relationships/tags" Target="../tags/tag20.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24.svg"/><Relationship Id="rId2" Type="http://schemas.openxmlformats.org/officeDocument/2006/relationships/slideLayout" Target="../slideLayouts/slideLayout26.xml"/><Relationship Id="rId1" Type="http://schemas.openxmlformats.org/officeDocument/2006/relationships/tags" Target="../tags/tag3.xml"/><Relationship Id="rId6" Type="http://schemas.openxmlformats.org/officeDocument/2006/relationships/image" Target="../media/image23.png"/><Relationship Id="rId5" Type="http://schemas.openxmlformats.org/officeDocument/2006/relationships/image" Target="../media/image22.svg"/><Relationship Id="rId4" Type="http://schemas.openxmlformats.org/officeDocument/2006/relationships/image" Target="../media/image21.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7" Type="http://schemas.openxmlformats.org/officeDocument/2006/relationships/image" Target="../media/image30.svg"/><Relationship Id="rId2" Type="http://schemas.openxmlformats.org/officeDocument/2006/relationships/slideLayout" Target="../slideLayouts/slideLayout26.xml"/><Relationship Id="rId1" Type="http://schemas.openxmlformats.org/officeDocument/2006/relationships/tags" Target="../tags/tag21.xml"/><Relationship Id="rId6" Type="http://schemas.openxmlformats.org/officeDocument/2006/relationships/image" Target="../media/image29.png"/><Relationship Id="rId5" Type="http://schemas.openxmlformats.org/officeDocument/2006/relationships/image" Target="../media/image24.svg"/><Relationship Id="rId4" Type="http://schemas.openxmlformats.org/officeDocument/2006/relationships/image" Target="../media/image23.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6.xml"/><Relationship Id="rId1" Type="http://schemas.openxmlformats.org/officeDocument/2006/relationships/tags" Target="../tags/tag22.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6.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6.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8" Type="http://schemas.openxmlformats.org/officeDocument/2006/relationships/image" Target="../media/image29.png"/><Relationship Id="rId3" Type="http://schemas.openxmlformats.org/officeDocument/2006/relationships/notesSlide" Target="../notesSlides/notesSlide5.xml"/><Relationship Id="rId7" Type="http://schemas.openxmlformats.org/officeDocument/2006/relationships/image" Target="../media/image28.svg"/><Relationship Id="rId2" Type="http://schemas.openxmlformats.org/officeDocument/2006/relationships/slideLayout" Target="../slideLayouts/slideLayout26.xml"/><Relationship Id="rId1" Type="http://schemas.openxmlformats.org/officeDocument/2006/relationships/tags" Target="../tags/tag6.xml"/><Relationship Id="rId6" Type="http://schemas.openxmlformats.org/officeDocument/2006/relationships/image" Target="../media/image27.png"/><Relationship Id="rId11" Type="http://schemas.openxmlformats.org/officeDocument/2006/relationships/image" Target="../media/image32.svg"/><Relationship Id="rId5" Type="http://schemas.openxmlformats.org/officeDocument/2006/relationships/image" Target="../media/image26.svg"/><Relationship Id="rId10" Type="http://schemas.openxmlformats.org/officeDocument/2006/relationships/image" Target="../media/image31.png"/><Relationship Id="rId4" Type="http://schemas.openxmlformats.org/officeDocument/2006/relationships/image" Target="../media/image25.png"/><Relationship Id="rId9" Type="http://schemas.openxmlformats.org/officeDocument/2006/relationships/image" Target="../media/image30.svg"/></Relationships>
</file>

<file path=ppt/slides/_rels/slide6.xml.rels><?xml version="1.0" encoding="UTF-8" standalone="yes"?>
<Relationships xmlns="http://schemas.openxmlformats.org/package/2006/relationships"><Relationship Id="rId8" Type="http://schemas.openxmlformats.org/officeDocument/2006/relationships/image" Target="../media/image29.png"/><Relationship Id="rId13" Type="http://schemas.openxmlformats.org/officeDocument/2006/relationships/image" Target="../media/image36.svg"/><Relationship Id="rId3" Type="http://schemas.openxmlformats.org/officeDocument/2006/relationships/notesSlide" Target="../notesSlides/notesSlide6.xml"/><Relationship Id="rId7" Type="http://schemas.openxmlformats.org/officeDocument/2006/relationships/image" Target="../media/image32.svg"/><Relationship Id="rId12" Type="http://schemas.openxmlformats.org/officeDocument/2006/relationships/image" Target="../media/image35.png"/><Relationship Id="rId2" Type="http://schemas.openxmlformats.org/officeDocument/2006/relationships/slideLayout" Target="../slideLayouts/slideLayout26.xml"/><Relationship Id="rId1" Type="http://schemas.openxmlformats.org/officeDocument/2006/relationships/tags" Target="../tags/tag7.xml"/><Relationship Id="rId6" Type="http://schemas.openxmlformats.org/officeDocument/2006/relationships/image" Target="../media/image31.png"/><Relationship Id="rId11" Type="http://schemas.openxmlformats.org/officeDocument/2006/relationships/image" Target="../media/image34.svg"/><Relationship Id="rId5" Type="http://schemas.openxmlformats.org/officeDocument/2006/relationships/image" Target="../media/image28.svg"/><Relationship Id="rId15" Type="http://schemas.openxmlformats.org/officeDocument/2006/relationships/image" Target="../media/image38.svg"/><Relationship Id="rId10" Type="http://schemas.openxmlformats.org/officeDocument/2006/relationships/image" Target="../media/image33.png"/><Relationship Id="rId4" Type="http://schemas.openxmlformats.org/officeDocument/2006/relationships/image" Target="../media/image27.png"/><Relationship Id="rId9" Type="http://schemas.openxmlformats.org/officeDocument/2006/relationships/image" Target="../media/image30.svg"/><Relationship Id="rId14" Type="http://schemas.openxmlformats.org/officeDocument/2006/relationships/image" Target="../media/image37.png"/></Relationships>
</file>

<file path=ppt/slides/_rels/slide7.xml.rels><?xml version="1.0" encoding="UTF-8" standalone="yes"?>
<Relationships xmlns="http://schemas.openxmlformats.org/package/2006/relationships"><Relationship Id="rId8" Type="http://schemas.openxmlformats.org/officeDocument/2006/relationships/image" Target="../media/image37.png"/><Relationship Id="rId3" Type="http://schemas.openxmlformats.org/officeDocument/2006/relationships/notesSlide" Target="../notesSlides/notesSlide7.xml"/><Relationship Id="rId7" Type="http://schemas.openxmlformats.org/officeDocument/2006/relationships/image" Target="../media/image36.svg"/><Relationship Id="rId2" Type="http://schemas.openxmlformats.org/officeDocument/2006/relationships/slideLayout" Target="../slideLayouts/slideLayout26.xml"/><Relationship Id="rId1" Type="http://schemas.openxmlformats.org/officeDocument/2006/relationships/tags" Target="../tags/tag8.xml"/><Relationship Id="rId6" Type="http://schemas.openxmlformats.org/officeDocument/2006/relationships/image" Target="../media/image35.png"/><Relationship Id="rId11" Type="http://schemas.openxmlformats.org/officeDocument/2006/relationships/image" Target="../media/image40.svg"/><Relationship Id="rId5" Type="http://schemas.openxmlformats.org/officeDocument/2006/relationships/image" Target="../media/image34.svg"/><Relationship Id="rId10" Type="http://schemas.openxmlformats.org/officeDocument/2006/relationships/image" Target="../media/image39.png"/><Relationship Id="rId4" Type="http://schemas.openxmlformats.org/officeDocument/2006/relationships/image" Target="../media/image33.png"/><Relationship Id="rId9" Type="http://schemas.openxmlformats.org/officeDocument/2006/relationships/image" Target="../media/image38.sv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6.xml"/><Relationship Id="rId1" Type="http://schemas.openxmlformats.org/officeDocument/2006/relationships/tags" Target="../tags/tag9.xml"/><Relationship Id="rId6" Type="http://schemas.openxmlformats.org/officeDocument/2006/relationships/image" Target="../media/image41.png"/><Relationship Id="rId5" Type="http://schemas.openxmlformats.org/officeDocument/2006/relationships/image" Target="../media/image26.svg"/><Relationship Id="rId4" Type="http://schemas.openxmlformats.org/officeDocument/2006/relationships/image" Target="../media/image25.png"/></Relationships>
</file>

<file path=ppt/slides/_rels/slide9.xml.rels><?xml version="1.0" encoding="UTF-8" standalone="yes"?>
<Relationships xmlns="http://schemas.openxmlformats.org/package/2006/relationships"><Relationship Id="rId8" Type="http://schemas.openxmlformats.org/officeDocument/2006/relationships/image" Target="../media/image44.png"/><Relationship Id="rId3" Type="http://schemas.openxmlformats.org/officeDocument/2006/relationships/notesSlide" Target="../notesSlides/notesSlide9.xml"/><Relationship Id="rId7" Type="http://schemas.openxmlformats.org/officeDocument/2006/relationships/image" Target="../media/image43.svg"/><Relationship Id="rId2" Type="http://schemas.openxmlformats.org/officeDocument/2006/relationships/slideLayout" Target="../slideLayouts/slideLayout26.xml"/><Relationship Id="rId1" Type="http://schemas.openxmlformats.org/officeDocument/2006/relationships/tags" Target="../tags/tag10.xml"/><Relationship Id="rId6" Type="http://schemas.openxmlformats.org/officeDocument/2006/relationships/image" Target="../media/image42.png"/><Relationship Id="rId11" Type="http://schemas.openxmlformats.org/officeDocument/2006/relationships/image" Target="../media/image40.svg"/><Relationship Id="rId5" Type="http://schemas.openxmlformats.org/officeDocument/2006/relationships/image" Target="../media/image26.svg"/><Relationship Id="rId10" Type="http://schemas.openxmlformats.org/officeDocument/2006/relationships/image" Target="../media/image39.png"/><Relationship Id="rId4" Type="http://schemas.openxmlformats.org/officeDocument/2006/relationships/image" Target="../media/image25.png"/><Relationship Id="rId9" Type="http://schemas.openxmlformats.org/officeDocument/2006/relationships/image" Target="../media/image45.sv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a:t>Introduction to </a:t>
            </a:r>
          </a:p>
          <a:p>
            <a:r>
              <a:rPr lang="en-US"/>
              <a:t>DHIS2 Customization</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a:t>
            </a:r>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Tm="13019"/>
    </mc:Choice>
    <mc:Fallback xmlns="">
      <p:transition spd="slow" advTm="1301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name="connsiteX0" fmla="*/ 419100 w 457200"/>
                <a:gd name="connsiteY0" fmla="*/ 152400 h 457200"/>
                <a:gd name="connsiteX1" fmla="*/ 304800 w 457200"/>
                <a:gd name="connsiteY1" fmla="*/ 152400 h 457200"/>
                <a:gd name="connsiteX2" fmla="*/ 304800 w 457200"/>
                <a:gd name="connsiteY2" fmla="*/ 38100 h 457200"/>
                <a:gd name="connsiteX3" fmla="*/ 266700 w 457200"/>
                <a:gd name="connsiteY3" fmla="*/ 0 h 457200"/>
                <a:gd name="connsiteX4" fmla="*/ 190500 w 457200"/>
                <a:gd name="connsiteY4" fmla="*/ 0 h 457200"/>
                <a:gd name="connsiteX5" fmla="*/ 152400 w 457200"/>
                <a:gd name="connsiteY5" fmla="*/ 38100 h 457200"/>
                <a:gd name="connsiteX6" fmla="*/ 152400 w 457200"/>
                <a:gd name="connsiteY6" fmla="*/ 152400 h 457200"/>
                <a:gd name="connsiteX7" fmla="*/ 38100 w 457200"/>
                <a:gd name="connsiteY7" fmla="*/ 152400 h 457200"/>
                <a:gd name="connsiteX8" fmla="*/ 0 w 457200"/>
                <a:gd name="connsiteY8" fmla="*/ 190500 h 457200"/>
                <a:gd name="connsiteX9" fmla="*/ 0 w 457200"/>
                <a:gd name="connsiteY9" fmla="*/ 266700 h 457200"/>
                <a:gd name="connsiteX10" fmla="*/ 38100 w 457200"/>
                <a:gd name="connsiteY10" fmla="*/ 304800 h 457200"/>
                <a:gd name="connsiteX11" fmla="*/ 152400 w 457200"/>
                <a:gd name="connsiteY11" fmla="*/ 304800 h 457200"/>
                <a:gd name="connsiteX12" fmla="*/ 152400 w 457200"/>
                <a:gd name="connsiteY12" fmla="*/ 419100 h 457200"/>
                <a:gd name="connsiteX13" fmla="*/ 190500 w 457200"/>
                <a:gd name="connsiteY13" fmla="*/ 457200 h 457200"/>
                <a:gd name="connsiteX14" fmla="*/ 266700 w 457200"/>
                <a:gd name="connsiteY14" fmla="*/ 457200 h 457200"/>
                <a:gd name="connsiteX15" fmla="*/ 304800 w 457200"/>
                <a:gd name="connsiteY15" fmla="*/ 419100 h 457200"/>
                <a:gd name="connsiteX16" fmla="*/ 304800 w 457200"/>
                <a:gd name="connsiteY16" fmla="*/ 304800 h 457200"/>
                <a:gd name="connsiteX17" fmla="*/ 419100 w 457200"/>
                <a:gd name="connsiteY17" fmla="*/ 304800 h 457200"/>
                <a:gd name="connsiteX18" fmla="*/ 457200 w 457200"/>
                <a:gd name="connsiteY18" fmla="*/ 266700 h 457200"/>
                <a:gd name="connsiteX19" fmla="*/ 457200 w 457200"/>
                <a:gd name="connsiteY19" fmla="*/ 190500 h 457200"/>
                <a:gd name="connsiteX20" fmla="*/ 419100 w 457200"/>
                <a:gd name="connsiteY20" fmla="*/ 152400 h 4572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457200" h="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w="9525" cap="flat">
              <a:noFill/>
              <a:prstDash val="solid"/>
              <a:miter/>
            </a:ln>
          </p:spPr>
          <p:txBody>
            <a:bodyPr rtlCol="0" anchor="ctr"/>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wrap="square" rtlCol="0">
            <a:spAutoFit/>
          </a:bodyPr>
          <a:lstStyle/>
          <a:p>
            <a:pPr marL="342900" indent="-342900" algn="l">
              <a:buClr>
                <a:srgbClr val="008CCF"/>
              </a:buClr>
              <a:buFont typeface="Arial" panose="020B0604020202020204" pitchFamily="34" charset="0"/>
              <a:buChar char="•"/>
            </a:pPr>
            <a:r>
              <a:rPr lang="es-ES" sz="2400"/>
              <a:t>Requirements can vary widely from place to plac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spd="slow" p14:dur="2000" advTm="8988"/>
    </mc:Choice>
    <mc:Fallback xmlns="">
      <p:transition spd="slow" advTm="8988"/>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afterEffect">
                                  <p:stCondLst>
                                    <p:cond delay="0"/>
                                  </p:stCondLst>
                                  <p:childTnLst>
                                    <p:set>
                                      <p:cBhvr>
                                        <p:cTn id="6" dur="1" fill="hold">
                                          <p:stCondLst>
                                            <p:cond delay="0"/>
                                          </p:stCondLst>
                                        </p:cTn>
                                        <p:tgtEl>
                                          <p:spTgt spid="54"/>
                                        </p:tgtEl>
                                        <p:attrNameLst>
                                          <p:attrName>style.visibility</p:attrName>
                                        </p:attrNameLst>
                                      </p:cBhvr>
                                      <p:to>
                                        <p:strVal val="visible"/>
                                      </p:to>
                                    </p:set>
                                    <p:animEffect transition="in" filter="wipe(up)">
                                      <p:cBhvr>
                                        <p:cTn id="7" dur="250"/>
                                        <p:tgtEl>
                                          <p:spTgt spid="54"/>
                                        </p:tgtEl>
                                      </p:cBhvr>
                                    </p:animEffect>
                                  </p:childTnLst>
                                </p:cTn>
                              </p:par>
                            </p:childTnLst>
                          </p:cTn>
                        </p:par>
                        <p:par>
                          <p:cTn id="8" fill="hold">
                            <p:stCondLst>
                              <p:cond delay="250"/>
                            </p:stCondLst>
                            <p:childTnLst>
                              <p:par>
                                <p:cTn id="9" presetID="22" presetClass="entr" presetSubtype="1" fill="hold" nodeType="afterEffect">
                                  <p:stCondLst>
                                    <p:cond delay="0"/>
                                  </p:stCondLst>
                                  <p:childTnLst>
                                    <p:set>
                                      <p:cBhvr>
                                        <p:cTn id="10" dur="1" fill="hold">
                                          <p:stCondLst>
                                            <p:cond delay="0"/>
                                          </p:stCondLst>
                                        </p:cTn>
                                        <p:tgtEl>
                                          <p:spTgt spid="52"/>
                                        </p:tgtEl>
                                        <p:attrNameLst>
                                          <p:attrName>style.visibility</p:attrName>
                                        </p:attrNameLst>
                                      </p:cBhvr>
                                      <p:to>
                                        <p:strVal val="visible"/>
                                      </p:to>
                                    </p:set>
                                    <p:animEffect transition="in" filter="wipe(up)">
                                      <p:cBhvr>
                                        <p:cTn id="11" dur="250"/>
                                        <p:tgtEl>
                                          <p:spTgt spid="52"/>
                                        </p:tgtEl>
                                      </p:cBhvr>
                                    </p:animEffect>
                                  </p:childTnLst>
                                </p:cTn>
                              </p:par>
                            </p:childTnLst>
                          </p:cTn>
                        </p:par>
                        <p:par>
                          <p:cTn id="12" fill="hold">
                            <p:stCondLst>
                              <p:cond delay="500"/>
                            </p:stCondLst>
                            <p:childTnLst>
                              <p:par>
                                <p:cTn id="13" presetID="22" presetClass="entr" presetSubtype="1" fill="hold" nodeType="afterEffect">
                                  <p:stCondLst>
                                    <p:cond delay="0"/>
                                  </p:stCondLst>
                                  <p:childTnLst>
                                    <p:set>
                                      <p:cBhvr>
                                        <p:cTn id="14" dur="1" fill="hold">
                                          <p:stCondLst>
                                            <p:cond delay="0"/>
                                          </p:stCondLst>
                                        </p:cTn>
                                        <p:tgtEl>
                                          <p:spTgt spid="50"/>
                                        </p:tgtEl>
                                        <p:attrNameLst>
                                          <p:attrName>style.visibility</p:attrName>
                                        </p:attrNameLst>
                                      </p:cBhvr>
                                      <p:to>
                                        <p:strVal val="visible"/>
                                      </p:to>
                                    </p:set>
                                    <p:animEffect transition="in" filter="wipe(up)">
                                      <p:cBhvr>
                                        <p:cTn id="15" dur="250"/>
                                        <p:tgtEl>
                                          <p:spTgt spid="50"/>
                                        </p:tgtEl>
                                      </p:cBhvr>
                                    </p:animEffect>
                                  </p:childTnLst>
                                </p:cTn>
                              </p:par>
                            </p:childTnLst>
                          </p:cTn>
                        </p:par>
                        <p:par>
                          <p:cTn id="16" fill="hold">
                            <p:stCondLst>
                              <p:cond delay="750"/>
                            </p:stCondLst>
                            <p:childTnLst>
                              <p:par>
                                <p:cTn id="17" presetID="22" presetClass="entr" presetSubtype="1" fill="hold" nodeType="afterEffect">
                                  <p:stCondLst>
                                    <p:cond delay="0"/>
                                  </p:stCondLst>
                                  <p:childTnLst>
                                    <p:set>
                                      <p:cBhvr>
                                        <p:cTn id="18" dur="1" fill="hold">
                                          <p:stCondLst>
                                            <p:cond delay="0"/>
                                          </p:stCondLst>
                                        </p:cTn>
                                        <p:tgtEl>
                                          <p:spTgt spid="31"/>
                                        </p:tgtEl>
                                        <p:attrNameLst>
                                          <p:attrName>style.visibility</p:attrName>
                                        </p:attrNameLst>
                                      </p:cBhvr>
                                      <p:to>
                                        <p:strVal val="visible"/>
                                      </p:to>
                                    </p:set>
                                    <p:animEffect transition="in" filter="wipe(up)">
                                      <p:cBhvr>
                                        <p:cTn id="19" dur="250"/>
                                        <p:tgtEl>
                                          <p:spTgt spid="31"/>
                                        </p:tgtEl>
                                      </p:cBhvr>
                                    </p:animEffect>
                                  </p:childTnLst>
                                </p:cTn>
                              </p:par>
                            </p:childTnLst>
                          </p:cTn>
                        </p:par>
                        <p:par>
                          <p:cTn id="20" fill="hold">
                            <p:stCondLst>
                              <p:cond delay="1000"/>
                            </p:stCondLst>
                            <p:childTnLst>
                              <p:par>
                                <p:cTn id="21" presetID="22" presetClass="entr" presetSubtype="1" fill="hold" nodeType="afterEffect">
                                  <p:stCondLst>
                                    <p:cond delay="0"/>
                                  </p:stCondLst>
                                  <p:childTnLst>
                                    <p:set>
                                      <p:cBhvr>
                                        <p:cTn id="22" dur="1" fill="hold">
                                          <p:stCondLst>
                                            <p:cond delay="0"/>
                                          </p:stCondLst>
                                        </p:cTn>
                                        <p:tgtEl>
                                          <p:spTgt spid="30"/>
                                        </p:tgtEl>
                                        <p:attrNameLst>
                                          <p:attrName>style.visibility</p:attrName>
                                        </p:attrNameLst>
                                      </p:cBhvr>
                                      <p:to>
                                        <p:strVal val="visible"/>
                                      </p:to>
                                    </p:set>
                                    <p:animEffect transition="in" filter="wipe(up)">
                                      <p:cBhvr>
                                        <p:cTn id="23" dur="250"/>
                                        <p:tgtEl>
                                          <p:spTgt spid="30"/>
                                        </p:tgtEl>
                                      </p:cBhvr>
                                    </p:animEffect>
                                  </p:childTnLst>
                                </p:cTn>
                              </p:par>
                            </p:childTnLst>
                          </p:cTn>
                        </p:par>
                        <p:par>
                          <p:cTn id="24" fill="hold">
                            <p:stCondLst>
                              <p:cond delay="1250"/>
                            </p:stCondLst>
                            <p:childTnLst>
                              <p:par>
                                <p:cTn id="25" presetID="22" presetClass="entr" presetSubtype="1" fill="hold" nodeType="afterEffect">
                                  <p:stCondLst>
                                    <p:cond delay="0"/>
                                  </p:stCondLst>
                                  <p:childTnLst>
                                    <p:set>
                                      <p:cBhvr>
                                        <p:cTn id="26" dur="1" fill="hold">
                                          <p:stCondLst>
                                            <p:cond delay="0"/>
                                          </p:stCondLst>
                                        </p:cTn>
                                        <p:tgtEl>
                                          <p:spTgt spid="51"/>
                                        </p:tgtEl>
                                        <p:attrNameLst>
                                          <p:attrName>style.visibility</p:attrName>
                                        </p:attrNameLst>
                                      </p:cBhvr>
                                      <p:to>
                                        <p:strVal val="visible"/>
                                      </p:to>
                                    </p:set>
                                    <p:animEffect transition="in" filter="wipe(up)">
                                      <p:cBhvr>
                                        <p:cTn id="27" dur="250"/>
                                        <p:tgtEl>
                                          <p:spTgt spid="51"/>
                                        </p:tgtEl>
                                      </p:cBhvr>
                                    </p:animEffect>
                                  </p:childTnLst>
                                </p:cTn>
                              </p:par>
                            </p:childTnLst>
                          </p:cTn>
                        </p:par>
                        <p:par>
                          <p:cTn id="28" fill="hold">
                            <p:stCondLst>
                              <p:cond delay="1500"/>
                            </p:stCondLst>
                            <p:childTnLst>
                              <p:par>
                                <p:cTn id="29" presetID="22" presetClass="entr" presetSubtype="1" fill="hold" nodeType="afterEffect">
                                  <p:stCondLst>
                                    <p:cond delay="0"/>
                                  </p:stCondLst>
                                  <p:childTnLst>
                                    <p:set>
                                      <p:cBhvr>
                                        <p:cTn id="30" dur="1" fill="hold">
                                          <p:stCondLst>
                                            <p:cond delay="0"/>
                                          </p:stCondLst>
                                        </p:cTn>
                                        <p:tgtEl>
                                          <p:spTgt spid="53"/>
                                        </p:tgtEl>
                                        <p:attrNameLst>
                                          <p:attrName>style.visibility</p:attrName>
                                        </p:attrNameLst>
                                      </p:cBhvr>
                                      <p:to>
                                        <p:strVal val="visible"/>
                                      </p:to>
                                    </p:set>
                                    <p:animEffect transition="in" filter="wipe(up)">
                                      <p:cBhvr>
                                        <p:cTn id="31" dur="250"/>
                                        <p:tgtEl>
                                          <p:spTgt spid="53"/>
                                        </p:tgtEl>
                                      </p:cBhvr>
                                    </p:animEffect>
                                  </p:childTnLst>
                                </p:cTn>
                              </p:par>
                            </p:childTnLst>
                          </p:cTn>
                        </p:par>
                        <p:par>
                          <p:cTn id="32" fill="hold">
                            <p:stCondLst>
                              <p:cond delay="1750"/>
                            </p:stCondLst>
                            <p:childTnLst>
                              <p:par>
                                <p:cTn id="33" presetID="22" presetClass="entr" presetSubtype="1" fill="hold" nodeType="afterEffect">
                                  <p:stCondLst>
                                    <p:cond delay="0"/>
                                  </p:stCondLst>
                                  <p:childTnLst>
                                    <p:set>
                                      <p:cBhvr>
                                        <p:cTn id="34" dur="1" fill="hold">
                                          <p:stCondLst>
                                            <p:cond delay="0"/>
                                          </p:stCondLst>
                                        </p:cTn>
                                        <p:tgtEl>
                                          <p:spTgt spid="33"/>
                                        </p:tgtEl>
                                        <p:attrNameLst>
                                          <p:attrName>style.visibility</p:attrName>
                                        </p:attrNameLst>
                                      </p:cBhvr>
                                      <p:to>
                                        <p:strVal val="visible"/>
                                      </p:to>
                                    </p:set>
                                    <p:animEffect transition="in" filter="wipe(up)">
                                      <p:cBhvr>
                                        <p:cTn id="35" dur="250"/>
                                        <p:tgtEl>
                                          <p:spTgt spid="33"/>
                                        </p:tgtEl>
                                      </p:cBhvr>
                                    </p:animEffect>
                                  </p:childTnLst>
                                </p:cTn>
                              </p:par>
                            </p:childTnLst>
                          </p:cTn>
                        </p:par>
                        <p:par>
                          <p:cTn id="36" fill="hold">
                            <p:stCondLst>
                              <p:cond delay="2000"/>
                            </p:stCondLst>
                            <p:childTnLst>
                              <p:par>
                                <p:cTn id="37" presetID="22" presetClass="entr" presetSubtype="1" fill="hold" nodeType="afterEffect">
                                  <p:stCondLst>
                                    <p:cond delay="0"/>
                                  </p:stCondLst>
                                  <p:childTnLst>
                                    <p:set>
                                      <p:cBhvr>
                                        <p:cTn id="38" dur="1" fill="hold">
                                          <p:stCondLst>
                                            <p:cond delay="0"/>
                                          </p:stCondLst>
                                        </p:cTn>
                                        <p:tgtEl>
                                          <p:spTgt spid="32"/>
                                        </p:tgtEl>
                                        <p:attrNameLst>
                                          <p:attrName>style.visibility</p:attrName>
                                        </p:attrNameLst>
                                      </p:cBhvr>
                                      <p:to>
                                        <p:strVal val="visible"/>
                                      </p:to>
                                    </p:set>
                                    <p:animEffect transition="in" filter="wipe(up)">
                                      <p:cBhvr>
                                        <p:cTn id="39" dur="250"/>
                                        <p:tgtEl>
                                          <p:spTgt spid="32"/>
                                        </p:tgtEl>
                                      </p:cBhvr>
                                    </p:animEffect>
                                  </p:childTnLst>
                                </p:cTn>
                              </p:par>
                            </p:childTnLst>
                          </p:cTn>
                        </p:par>
                        <p:par>
                          <p:cTn id="40" fill="hold">
                            <p:stCondLst>
                              <p:cond delay="2250"/>
                            </p:stCondLst>
                            <p:childTnLst>
                              <p:par>
                                <p:cTn id="41" presetID="22" presetClass="entr" presetSubtype="1" fill="hold" nodeType="afterEffect">
                                  <p:stCondLst>
                                    <p:cond delay="0"/>
                                  </p:stCondLst>
                                  <p:childTnLst>
                                    <p:set>
                                      <p:cBhvr>
                                        <p:cTn id="42" dur="1" fill="hold">
                                          <p:stCondLst>
                                            <p:cond delay="0"/>
                                          </p:stCondLst>
                                        </p:cTn>
                                        <p:tgtEl>
                                          <p:spTgt spid="34"/>
                                        </p:tgtEl>
                                        <p:attrNameLst>
                                          <p:attrName>style.visibility</p:attrName>
                                        </p:attrNameLst>
                                      </p:cBhvr>
                                      <p:to>
                                        <p:strVal val="visible"/>
                                      </p:to>
                                    </p:set>
                                    <p:animEffect transition="in" filter="wipe(up)">
                                      <p:cBhvr>
                                        <p:cTn id="43" dur="250"/>
                                        <p:tgtEl>
                                          <p:spTgt spid="34"/>
                                        </p:tgtEl>
                                      </p:cBhvr>
                                    </p:animEffect>
                                  </p:childTnLst>
                                </p:cTn>
                              </p:par>
                            </p:childTnLst>
                          </p:cTn>
                        </p:par>
                      </p:childTnLst>
                    </p:cTn>
                  </p:par>
                  <p:par>
                    <p:cTn id="44" fill="hold">
                      <p:stCondLst>
                        <p:cond delay="indefinite"/>
                      </p:stCondLst>
                      <p:childTnLst>
                        <p:par>
                          <p:cTn id="45" fill="hold">
                            <p:stCondLst>
                              <p:cond delay="0"/>
                            </p:stCondLst>
                            <p:childTnLst>
                              <p:par>
                                <p:cTn id="46" presetID="10" presetClass="entr" presetSubtype="0" fill="hold" grpId="0" nodeType="clickEffect">
                                  <p:stCondLst>
                                    <p:cond delay="0"/>
                                  </p:stCondLst>
                                  <p:childTnLst>
                                    <p:set>
                                      <p:cBhvr>
                                        <p:cTn id="47" dur="1" fill="hold">
                                          <p:stCondLst>
                                            <p:cond delay="0"/>
                                          </p:stCondLst>
                                        </p:cTn>
                                        <p:tgtEl>
                                          <p:spTgt spid="55"/>
                                        </p:tgtEl>
                                        <p:attrNameLst>
                                          <p:attrName>style.visibility</p:attrName>
                                        </p:attrNameLst>
                                      </p:cBhvr>
                                      <p:to>
                                        <p:strVal val="visible"/>
                                      </p:to>
                                    </p:set>
                                    <p:animEffect transition="in" filter="fade">
                                      <p:cBhvr>
                                        <p:cTn id="48" dur="500"/>
                                        <p:tgtEl>
                                          <p:spTgt spid="5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5"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name="adj" fmla="val 5481"/>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731520" tIns="91440" rIns="731520" bIns="91440" rtlCol="0" anchor="ctr"/>
          <a:lstStyle/>
          <a:p>
            <a:pPr algn="ctr"/>
            <a:r>
              <a:rPr lang="en-US" sz="4000">
                <a:solidFill>
                  <a:schemeClr val="bg1"/>
                </a:solidFill>
              </a:rPr>
              <a:t>How is it possible to adapt DHIS2 to work within these various scenarios and meet the needs of diverse use cases?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spd="slow" advTm="786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fade">
                                      <p:cBhvr>
                                        <p:cTn id="11"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Aggregate and individual level data model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Data entry on desktop or mobile devices</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Custom web and Android app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6" name="Group 25" hidden="1">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name="connsiteX0" fmla="*/ 689613 w 689612"/>
                <a:gd name="connsiteY0" fmla="*/ 1123985 h 1123984"/>
                <a:gd name="connsiteX1" fmla="*/ 689613 w 689612"/>
                <a:gd name="connsiteY1" fmla="*/ 344806 h 1123984"/>
                <a:gd name="connsiteX2" fmla="*/ 344806 w 689612"/>
                <a:gd name="connsiteY2" fmla="*/ 0 h 1123984"/>
                <a:gd name="connsiteX3" fmla="*/ 0 w 689612"/>
                <a:gd name="connsiteY3" fmla="*/ 344806 h 1123984"/>
                <a:gd name="connsiteX4" fmla="*/ 0 w 689612"/>
                <a:gd name="connsiteY4" fmla="*/ 1099243 h 1123984"/>
                <a:gd name="connsiteX5" fmla="*/ 332268 w 689612"/>
                <a:gd name="connsiteY5" fmla="*/ 969637 h 1123984"/>
                <a:gd name="connsiteX6" fmla="*/ 689613 w 689612"/>
                <a:gd name="connsiteY6" fmla="*/ 1123985 h 1123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23984">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w="4170" cap="flat">
              <a:noFill/>
              <a:prstDash val="solid"/>
              <a:miter/>
            </a:ln>
          </p:spPr>
          <p:txBody>
            <a:bodyPr rtlCol="0" anchor="ctr"/>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name="connsiteX0" fmla="*/ 689613 w 689612"/>
                <a:gd name="connsiteY0" fmla="*/ 555284 h 555284"/>
                <a:gd name="connsiteX1" fmla="*/ 689613 w 689612"/>
                <a:gd name="connsiteY1" fmla="*/ 344806 h 555284"/>
                <a:gd name="connsiteX2" fmla="*/ 344806 w 689612"/>
                <a:gd name="connsiteY2" fmla="*/ 0 h 555284"/>
                <a:gd name="connsiteX3" fmla="*/ 0 w 689612"/>
                <a:gd name="connsiteY3" fmla="*/ 344806 h 555284"/>
                <a:gd name="connsiteX4" fmla="*/ 0 w 689612"/>
                <a:gd name="connsiteY4" fmla="*/ 555284 h 555284"/>
                <a:gd name="connsiteX5" fmla="*/ 344806 w 689612"/>
                <a:gd name="connsiteY5" fmla="*/ 413768 h 555284"/>
                <a:gd name="connsiteX6" fmla="*/ 689613 w 689612"/>
                <a:gd name="connsiteY6" fmla="*/ 555284 h 5552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555284">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w="4170" cap="flat">
              <a:noFill/>
              <a:prstDash val="solid"/>
              <a:miter/>
            </a:ln>
          </p:spPr>
          <p:txBody>
            <a:bodyPr rtlCol="0" anchor="ctr"/>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name="connsiteX0" fmla="*/ 0 w 689612"/>
                <a:gd name="connsiteY0" fmla="*/ 0 h 1658664"/>
                <a:gd name="connsiteX1" fmla="*/ 0 w 689612"/>
                <a:gd name="connsiteY1" fmla="*/ 1313858 h 1658664"/>
                <a:gd name="connsiteX2" fmla="*/ 344806 w 689612"/>
                <a:gd name="connsiteY2" fmla="*/ 1658665 h 1658664"/>
                <a:gd name="connsiteX3" fmla="*/ 689613 w 689612"/>
                <a:gd name="connsiteY3" fmla="*/ 1313858 h 1658664"/>
                <a:gd name="connsiteX4" fmla="*/ 689613 w 689612"/>
                <a:gd name="connsiteY4" fmla="*/ 0 h 1658664"/>
                <a:gd name="connsiteX5" fmla="*/ 344806 w 689612"/>
                <a:gd name="connsiteY5" fmla="*/ 141517 h 1658664"/>
                <a:gd name="connsiteX6" fmla="*/ 0 w 689612"/>
                <a:gd name="connsiteY6" fmla="*/ 0 h 1658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658664">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w="4170" cap="flat">
              <a:noFill/>
              <a:prstDash val="solid"/>
              <a:miter/>
            </a:ln>
          </p:spPr>
          <p:txBody>
            <a:bodyPr rtlCol="0" anchor="ctr"/>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name="connsiteX0" fmla="*/ 778761 w 898586"/>
                <a:gd name="connsiteY0" fmla="*/ 143899 h 898586"/>
                <a:gd name="connsiteX1" fmla="*/ 449293 w 898586"/>
                <a:gd name="connsiteY1" fmla="*/ 0 h 898586"/>
                <a:gd name="connsiteX2" fmla="*/ 119825 w 898586"/>
                <a:gd name="connsiteY2" fmla="*/ 143899 h 898586"/>
                <a:gd name="connsiteX3" fmla="*/ 0 w 898586"/>
                <a:gd name="connsiteY3" fmla="*/ 449293 h 898586"/>
                <a:gd name="connsiteX4" fmla="*/ 119825 w 898586"/>
                <a:gd name="connsiteY4" fmla="*/ 754687 h 898586"/>
                <a:gd name="connsiteX5" fmla="*/ 449293 w 898586"/>
                <a:gd name="connsiteY5" fmla="*/ 898586 h 898586"/>
                <a:gd name="connsiteX6" fmla="*/ 778761 w 898586"/>
                <a:gd name="connsiteY6" fmla="*/ 754687 h 898586"/>
                <a:gd name="connsiteX7" fmla="*/ 898586 w 898586"/>
                <a:gd name="connsiteY7" fmla="*/ 449293 h 898586"/>
                <a:gd name="connsiteX8" fmla="*/ 778761 w 898586"/>
                <a:gd name="connsiteY8" fmla="*/ 143899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98586" h="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w="4170" cap="flat">
              <a:noFill/>
              <a:prstDash val="solid"/>
              <a:miter/>
            </a:ln>
          </p:spPr>
          <p:txBody>
            <a:bodyPr rtlCol="0" anchor="ctr"/>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name="connsiteX0" fmla="*/ 898586 w 898586"/>
                <a:gd name="connsiteY0" fmla="*/ 449293 h 898586"/>
                <a:gd name="connsiteX1" fmla="*/ 778761 w 898586"/>
                <a:gd name="connsiteY1" fmla="*/ 143899 h 898586"/>
                <a:gd name="connsiteX2" fmla="*/ 449293 w 898586"/>
                <a:gd name="connsiteY2" fmla="*/ 0 h 898586"/>
                <a:gd name="connsiteX3" fmla="*/ 119825 w 898586"/>
                <a:gd name="connsiteY3" fmla="*/ 143899 h 898586"/>
                <a:gd name="connsiteX4" fmla="*/ 0 w 898586"/>
                <a:gd name="connsiteY4" fmla="*/ 449293 h 898586"/>
                <a:gd name="connsiteX5" fmla="*/ 119825 w 898586"/>
                <a:gd name="connsiteY5" fmla="*/ 754687 h 898586"/>
                <a:gd name="connsiteX6" fmla="*/ 449293 w 898586"/>
                <a:gd name="connsiteY6" fmla="*/ 898586 h 898586"/>
                <a:gd name="connsiteX7" fmla="*/ 778761 w 898586"/>
                <a:gd name="connsiteY7" fmla="*/ 754687 h 898586"/>
                <a:gd name="connsiteX8" fmla="*/ 898586 w 898586"/>
                <a:gd name="connsiteY8" fmla="*/ 449293 h 898586"/>
                <a:gd name="connsiteX9" fmla="*/ 450129 w 898586"/>
                <a:gd name="connsiteY9" fmla="*/ 681170 h 898586"/>
                <a:gd name="connsiteX10" fmla="*/ 218252 w 898586"/>
                <a:gd name="connsiteY10" fmla="*/ 449293 h 898586"/>
                <a:gd name="connsiteX11" fmla="*/ 450129 w 898586"/>
                <a:gd name="connsiteY11" fmla="*/ 217416 h 898586"/>
                <a:gd name="connsiteX12" fmla="*/ 682006 w 898586"/>
                <a:gd name="connsiteY12" fmla="*/ 449293 h 898586"/>
                <a:gd name="connsiteX13" fmla="*/ 450129 w 898586"/>
                <a:gd name="connsiteY13" fmla="*/ 681170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98586" h="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w="4170" cap="flat">
              <a:noFill/>
              <a:prstDash val="solid"/>
              <a:miter/>
            </a:ln>
          </p:spPr>
          <p:txBody>
            <a:bodyPr rtlCol="0" anchor="ctr"/>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name="connsiteX0" fmla="*/ 0 w 689612"/>
                <a:gd name="connsiteY0" fmla="*/ 0 h 668130"/>
                <a:gd name="connsiteX1" fmla="*/ 0 w 689612"/>
                <a:gd name="connsiteY1" fmla="*/ 323324 h 668130"/>
                <a:gd name="connsiteX2" fmla="*/ 344806 w 689612"/>
                <a:gd name="connsiteY2" fmla="*/ 668130 h 668130"/>
                <a:gd name="connsiteX3" fmla="*/ 689613 w 689612"/>
                <a:gd name="connsiteY3" fmla="*/ 323324 h 668130"/>
                <a:gd name="connsiteX4" fmla="*/ 689613 w 689612"/>
                <a:gd name="connsiteY4" fmla="*/ 0 h 668130"/>
                <a:gd name="connsiteX5" fmla="*/ 344806 w 689612"/>
                <a:gd name="connsiteY5" fmla="*/ 141517 h 668130"/>
                <a:gd name="connsiteX6" fmla="*/ 0 w 689612"/>
                <a:gd name="connsiteY6" fmla="*/ 0 h 6681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668130">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w="4170" cap="flat">
              <a:noFill/>
              <a:prstDash val="solid"/>
              <a:miter/>
            </a:ln>
          </p:spPr>
          <p:txBody>
            <a:bodyPr rtlCol="0" anchor="ctr"/>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w="4170"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Integration with other software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wrap="square" rtlCol="0">
            <a:spAutoFit/>
          </a:bodyPr>
          <a:lstStyle/>
          <a:p>
            <a:pPr algn="ctr">
              <a:buClr>
                <a:srgbClr val="008CCF"/>
              </a:buClr>
            </a:pPr>
            <a:r>
              <a:rPr lang="es-ES" sz="2400"/>
              <a:t>DHIS2: A fully customizable platform</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spd="slow" p14:dur="2000" advTm="20579"/>
    </mc:Choice>
    <mc:Fallback xmlns="">
      <p:transition spd="slow" advTm="20579"/>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withEffect">
                                  <p:stCondLst>
                                    <p:cond delay="0"/>
                                  </p:stCondLst>
                                  <p:childTnLst>
                                    <p:set>
                                      <p:cBhvr>
                                        <p:cTn id="6" dur="1" fill="hold">
                                          <p:stCondLst>
                                            <p:cond delay="0"/>
                                          </p:stCondLst>
                                        </p:cTn>
                                        <p:tgtEl>
                                          <p:spTgt spid="23"/>
                                        </p:tgtEl>
                                        <p:attrNameLst>
                                          <p:attrName>style.visibility</p:attrName>
                                        </p:attrNameLst>
                                      </p:cBhvr>
                                      <p:to>
                                        <p:strVal val="visible"/>
                                      </p:to>
                                    </p:set>
                                    <p:animEffect transition="in" filter="fade">
                                      <p:cBhvr>
                                        <p:cTn id="7" dur="1000"/>
                                        <p:tgtEl>
                                          <p:spTgt spid="23"/>
                                        </p:tgtEl>
                                      </p:cBhvr>
                                    </p:animEffect>
                                    <p:anim calcmode="lin" valueType="num">
                                      <p:cBhvr>
                                        <p:cTn id="8" dur="1000" fill="hold"/>
                                        <p:tgtEl>
                                          <p:spTgt spid="23"/>
                                        </p:tgtEl>
                                        <p:attrNameLst>
                                          <p:attrName>ppt_x</p:attrName>
                                        </p:attrNameLst>
                                      </p:cBhvr>
                                      <p:tavLst>
                                        <p:tav tm="0">
                                          <p:val>
                                            <p:strVal val="#ppt_x"/>
                                          </p:val>
                                        </p:tav>
                                        <p:tav tm="100000">
                                          <p:val>
                                            <p:strVal val="#ppt_x"/>
                                          </p:val>
                                        </p:tav>
                                      </p:tavLst>
                                    </p:anim>
                                    <p:anim calcmode="lin" valueType="num">
                                      <p:cBhvr>
                                        <p:cTn id="9" dur="1000" fill="hold"/>
                                        <p:tgtEl>
                                          <p:spTgt spid="23"/>
                                        </p:tgtEl>
                                        <p:attrNameLst>
                                          <p:attrName>ppt_y</p:attrName>
                                        </p:attrNameLst>
                                      </p:cBhvr>
                                      <p:tavLst>
                                        <p:tav tm="0">
                                          <p:val>
                                            <p:strVal val="#ppt_y+.1"/>
                                          </p:val>
                                        </p:tav>
                                        <p:tav tm="100000">
                                          <p:val>
                                            <p:strVal val="#ppt_y"/>
                                          </p:val>
                                        </p:tav>
                                      </p:tavLst>
                                    </p:anim>
                                  </p:childTnLst>
                                </p:cTn>
                              </p:par>
                              <p:par>
                                <p:cTn id="10" presetID="10" presetClass="entr" presetSubtype="0" fill="hold" grpId="0" nodeType="withEffect">
                                  <p:stCondLst>
                                    <p:cond delay="0"/>
                                  </p:stCondLst>
                                  <p:childTnLst>
                                    <p:set>
                                      <p:cBhvr>
                                        <p:cTn id="11" dur="1" fill="hold">
                                          <p:stCondLst>
                                            <p:cond delay="0"/>
                                          </p:stCondLst>
                                        </p:cTn>
                                        <p:tgtEl>
                                          <p:spTgt spid="60"/>
                                        </p:tgtEl>
                                        <p:attrNameLst>
                                          <p:attrName>style.visibility</p:attrName>
                                        </p:attrNameLst>
                                      </p:cBhvr>
                                      <p:to>
                                        <p:strVal val="visible"/>
                                      </p:to>
                                    </p:set>
                                    <p:animEffect transition="in" filter="fade">
                                      <p:cBhvr>
                                        <p:cTn id="12" dur="500"/>
                                        <p:tgtEl>
                                          <p:spTgt spid="60"/>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26"/>
                                        </p:tgtEl>
                                        <p:attrNameLst>
                                          <p:attrName>style.visibility</p:attrName>
                                        </p:attrNameLst>
                                      </p:cBhvr>
                                      <p:to>
                                        <p:strVal val="visible"/>
                                      </p:to>
                                    </p:set>
                                    <p:animEffect transition="in" filter="fade">
                                      <p:cBhvr>
                                        <p:cTn id="17" dur="500"/>
                                        <p:tgtEl>
                                          <p:spTgt spid="26"/>
                                        </p:tgtEl>
                                      </p:cBhvr>
                                    </p:animEffec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94"/>
                                        </p:tgtEl>
                                        <p:attrNameLst>
                                          <p:attrName>style.visibility</p:attrName>
                                        </p:attrNameLst>
                                      </p:cBhvr>
                                      <p:to>
                                        <p:strVal val="visible"/>
                                      </p:to>
                                    </p:set>
                                    <p:animEffect transition="in" filter="wipe(left)">
                                      <p:cBhvr>
                                        <p:cTn id="22" dur="500"/>
                                        <p:tgtEl>
                                          <p:spTgt spid="94"/>
                                        </p:tgtEl>
                                      </p:cBhvr>
                                    </p:animEffect>
                                  </p:childTnLst>
                                </p:cTn>
                              </p:par>
                            </p:childTnLst>
                          </p:cTn>
                        </p:par>
                        <p:par>
                          <p:cTn id="23" fill="hold">
                            <p:stCondLst>
                              <p:cond delay="500"/>
                            </p:stCondLst>
                            <p:childTnLst>
                              <p:par>
                                <p:cTn id="24" presetID="1" presetClass="entr" presetSubtype="0" fill="hold" grpId="0" nodeType="afterEffect">
                                  <p:stCondLst>
                                    <p:cond delay="0"/>
                                  </p:stCondLst>
                                  <p:childTnLst>
                                    <p:set>
                                      <p:cBhvr>
                                        <p:cTn id="25" dur="1" fill="hold">
                                          <p:stCondLst>
                                            <p:cond delay="0"/>
                                          </p:stCondLst>
                                        </p:cTn>
                                        <p:tgtEl>
                                          <p:spTgt spid="24"/>
                                        </p:tgtEl>
                                        <p:attrNameLst>
                                          <p:attrName>style.visibility</p:attrName>
                                        </p:attrNameLst>
                                      </p:cBhvr>
                                      <p:to>
                                        <p:strVal val="visible"/>
                                      </p:to>
                                    </p:set>
                                  </p:childTnLst>
                                </p:cTn>
                              </p:par>
                              <p:par>
                                <p:cTn id="26" presetID="1" presetClass="entr" presetSubtype="0" fill="hold" grpId="0" nodeType="withEffect">
                                  <p:stCondLst>
                                    <p:cond delay="0"/>
                                  </p:stCondLst>
                                  <p:childTnLst>
                                    <p:set>
                                      <p:cBhvr>
                                        <p:cTn id="27" dur="1" fill="hold">
                                          <p:stCondLst>
                                            <p:cond delay="0"/>
                                          </p:stCondLst>
                                        </p:cTn>
                                        <p:tgtEl>
                                          <p:spTgt spid="25"/>
                                        </p:tgtEl>
                                        <p:attrNameLst>
                                          <p:attrName>style.visibility</p:attrName>
                                        </p:attrNameLst>
                                      </p:cBhvr>
                                      <p:to>
                                        <p:strVal val="visible"/>
                                      </p:to>
                                    </p:set>
                                  </p:childTnLst>
                                </p:cTn>
                              </p:par>
                              <p:par>
                                <p:cTn id="28" presetID="1" presetClass="entr" presetSubtype="0" fill="hold" grpId="0" nodeType="withEffect">
                                  <p:stCondLst>
                                    <p:cond delay="0"/>
                                  </p:stCondLst>
                                  <p:childTnLst>
                                    <p:set>
                                      <p:cBhvr>
                                        <p:cTn id="29" dur="1" fill="hold">
                                          <p:stCondLst>
                                            <p:cond delay="0"/>
                                          </p:stCondLst>
                                        </p:cTn>
                                        <p:tgtEl>
                                          <p:spTgt spid="40"/>
                                        </p:tgtEl>
                                        <p:attrNameLst>
                                          <p:attrName>style.visibility</p:attrName>
                                        </p:attrNameLst>
                                      </p:cBhvr>
                                      <p:to>
                                        <p:strVal val="visible"/>
                                      </p:to>
                                    </p:set>
                                  </p:childTnLst>
                                </p:cTn>
                              </p:par>
                              <p:par>
                                <p:cTn id="30" presetID="1" presetClass="entr" presetSubtype="0" fill="hold" grpId="0" nodeType="withEffect">
                                  <p:stCondLst>
                                    <p:cond delay="0"/>
                                  </p:stCondLst>
                                  <p:childTnLst>
                                    <p:set>
                                      <p:cBhvr>
                                        <p:cTn id="31" dur="1" fill="hold">
                                          <p:stCondLst>
                                            <p:cond delay="0"/>
                                          </p:stCondLst>
                                        </p:cTn>
                                        <p:tgtEl>
                                          <p:spTgt spid="41"/>
                                        </p:tgtEl>
                                        <p:attrNameLst>
                                          <p:attrName>style.visibility</p:attrName>
                                        </p:attrNameLst>
                                      </p:cBhvr>
                                      <p:to>
                                        <p:strVal val="visible"/>
                                      </p:to>
                                    </p:set>
                                  </p:childTnLst>
                                </p:cTn>
                              </p:par>
                              <p:par>
                                <p:cTn id="32" presetID="1" presetClass="entr" presetSubtype="0" fill="hold" grpId="0" nodeType="withEffect">
                                  <p:stCondLst>
                                    <p:cond delay="0"/>
                                  </p:stCondLst>
                                  <p:childTnLst>
                                    <p:set>
                                      <p:cBhvr>
                                        <p:cTn id="33" dur="1" fill="hold">
                                          <p:stCondLst>
                                            <p:cond delay="0"/>
                                          </p:stCondLst>
                                        </p:cTn>
                                        <p:tgtEl>
                                          <p:spTgt spid="42"/>
                                        </p:tgtEl>
                                        <p:attrNameLst>
                                          <p:attrName>style.visibility</p:attrName>
                                        </p:attrNameLst>
                                      </p:cBhvr>
                                      <p:to>
                                        <p:strVal val="visible"/>
                                      </p:to>
                                    </p:set>
                                  </p:childTnLst>
                                </p:cTn>
                              </p:par>
                              <p:par>
                                <p:cTn id="34" presetID="1" presetClass="entr" presetSubtype="0" fill="hold" grpId="0" nodeType="withEffect">
                                  <p:stCondLst>
                                    <p:cond delay="0"/>
                                  </p:stCondLst>
                                  <p:childTnLst>
                                    <p:set>
                                      <p:cBhvr>
                                        <p:cTn id="35" dur="1" fill="hold">
                                          <p:stCondLst>
                                            <p:cond delay="0"/>
                                          </p:stCondLst>
                                        </p:cTn>
                                        <p:tgtEl>
                                          <p:spTgt spid="43"/>
                                        </p:tgtEl>
                                        <p:attrNameLst>
                                          <p:attrName>style.visibility</p:attrName>
                                        </p:attrNameLst>
                                      </p:cBhvr>
                                      <p:to>
                                        <p:strVal val="visible"/>
                                      </p:to>
                                    </p:set>
                                  </p:childTnLst>
                                </p:cTn>
                              </p:par>
                              <p:par>
                                <p:cTn id="36" presetID="1" presetClass="entr" presetSubtype="0" fill="hold" grpId="0" nodeType="withEffect">
                                  <p:stCondLst>
                                    <p:cond delay="0"/>
                                  </p:stCondLst>
                                  <p:childTnLst>
                                    <p:set>
                                      <p:cBhvr>
                                        <p:cTn id="37" dur="1" fill="hold">
                                          <p:stCondLst>
                                            <p:cond delay="0"/>
                                          </p:stCondLst>
                                        </p:cTn>
                                        <p:tgtEl>
                                          <p:spTgt spid="54"/>
                                        </p:tgtEl>
                                        <p:attrNameLst>
                                          <p:attrName>style.visibility</p:attrName>
                                        </p:attrNameLst>
                                      </p:cBhvr>
                                      <p:to>
                                        <p:strVal val="visible"/>
                                      </p:to>
                                    </p:set>
                                  </p:childTnLst>
                                </p:cTn>
                              </p:par>
                              <p:par>
                                <p:cTn id="38" presetID="1" presetClass="entr" presetSubtype="0" fill="hold" nodeType="withEffect">
                                  <p:stCondLst>
                                    <p:cond delay="0"/>
                                  </p:stCondLst>
                                  <p:childTnLst>
                                    <p:set>
                                      <p:cBhvr>
                                        <p:cTn id="39" dur="1" fill="hold">
                                          <p:stCondLst>
                                            <p:cond delay="0"/>
                                          </p:stCondLst>
                                        </p:cTn>
                                        <p:tgtEl>
                                          <p:spTgt spid="50"/>
                                        </p:tgtEl>
                                        <p:attrNameLst>
                                          <p:attrName>style.visibility</p:attrName>
                                        </p:attrNameLst>
                                      </p:cBhvr>
                                      <p:to>
                                        <p:strVal val="visible"/>
                                      </p:to>
                                    </p:set>
                                  </p:childTnLst>
                                </p:cTn>
                              </p:par>
                              <p:par>
                                <p:cTn id="40" presetID="1" presetClass="entr" presetSubtype="0" fill="hold" nodeType="withEffect">
                                  <p:stCondLst>
                                    <p:cond delay="0"/>
                                  </p:stCondLst>
                                  <p:childTnLst>
                                    <p:set>
                                      <p:cBhvr>
                                        <p:cTn id="41" dur="1" fill="hold">
                                          <p:stCondLst>
                                            <p:cond delay="0"/>
                                          </p:stCondLst>
                                        </p:cTn>
                                        <p:tgtEl>
                                          <p:spTgt spid="44"/>
                                        </p:tgtEl>
                                        <p:attrNameLst>
                                          <p:attrName>style.visibility</p:attrName>
                                        </p:attrNameLst>
                                      </p:cBhvr>
                                      <p:to>
                                        <p:strVal val="visible"/>
                                      </p:to>
                                    </p:set>
                                  </p:childTnLst>
                                </p:cTn>
                              </p:par>
                              <p:par>
                                <p:cTn id="42" presetID="1" presetClass="entr" presetSubtype="0" fill="hold" nodeType="withEffect">
                                  <p:stCondLst>
                                    <p:cond delay="0"/>
                                  </p:stCondLst>
                                  <p:childTnLst>
                                    <p:set>
                                      <p:cBhvr>
                                        <p:cTn id="43" dur="1" fill="hold">
                                          <p:stCondLst>
                                            <p:cond delay="0"/>
                                          </p:stCondLst>
                                        </p:cTn>
                                        <p:tgtEl>
                                          <p:spTgt spid="55"/>
                                        </p:tgtEl>
                                        <p:attrNameLst>
                                          <p:attrName>style.visibility</p:attrName>
                                        </p:attrNameLst>
                                      </p:cBhvr>
                                      <p:to>
                                        <p:strVal val="visible"/>
                                      </p:to>
                                    </p:set>
                                  </p:childTnLst>
                                </p:cTn>
                              </p:par>
                            </p:childTnLst>
                          </p:cTn>
                        </p:par>
                        <p:par>
                          <p:cTn id="44" fill="hold">
                            <p:stCondLst>
                              <p:cond delay="500"/>
                            </p:stCondLst>
                            <p:childTnLst>
                              <p:par>
                                <p:cTn id="45" presetID="42" presetClass="path" presetSubtype="0" autoRev="1" fill="hold" nodeType="afterEffect">
                                  <p:stCondLst>
                                    <p:cond delay="0"/>
                                  </p:stCondLst>
                                  <p:childTnLst>
                                    <p:animMotion origin="layout" path="M -2.08333E-7 -2.22222E-6 L -2.08333E-7 0.06019 " pathEditMode="relative" rAng="0" ptsTypes="AA">
                                      <p:cBhvr>
                                        <p:cTn id="46" dur="1250" fill="hold"/>
                                        <p:tgtEl>
                                          <p:spTgt spid="50"/>
                                        </p:tgtEl>
                                        <p:attrNameLst>
                                          <p:attrName>ppt_x</p:attrName>
                                          <p:attrName>ppt_y</p:attrName>
                                        </p:attrNameLst>
                                      </p:cBhvr>
                                      <p:rCtr x="0" y="3009"/>
                                    </p:animMotion>
                                  </p:childTnLst>
                                </p:cTn>
                              </p:par>
                              <p:par>
                                <p:cTn id="47" presetID="64" presetClass="path" presetSubtype="0" accel="50000" decel="50000" autoRev="1" fill="hold" nodeType="withEffect">
                                  <p:stCondLst>
                                    <p:cond delay="1250"/>
                                  </p:stCondLst>
                                  <p:childTnLst>
                                    <p:animMotion origin="layout" path="M -4.16667E-7 -1.11111E-6 L -4.16667E-7 -0.05787 " pathEditMode="relative" rAng="0" ptsTypes="AA">
                                      <p:cBhvr>
                                        <p:cTn id="48" dur="1250" fill="hold"/>
                                        <p:tgtEl>
                                          <p:spTgt spid="44"/>
                                        </p:tgtEl>
                                        <p:attrNameLst>
                                          <p:attrName>ppt_x</p:attrName>
                                          <p:attrName>ppt_y</p:attrName>
                                        </p:attrNameLst>
                                      </p:cBhvr>
                                      <p:rCtr x="0" y="-2894"/>
                                    </p:animMotion>
                                  </p:childTnLst>
                                </p:cTn>
                              </p:par>
                              <p:par>
                                <p:cTn id="49" presetID="42" presetClass="path" presetSubtype="0" accel="50000" decel="50000" autoRev="1" fill="hold" nodeType="withEffect">
                                  <p:stCondLst>
                                    <p:cond delay="750"/>
                                  </p:stCondLst>
                                  <p:childTnLst>
                                    <p:animMotion origin="layout" path="M 1.66667E-6 3.7037E-6 L 1.66667E-6 0.04074 " pathEditMode="relative" rAng="0" ptsTypes="AA">
                                      <p:cBhvr>
                                        <p:cTn id="50" dur="1250" fill="hold"/>
                                        <p:tgtEl>
                                          <p:spTgt spid="55"/>
                                        </p:tgtEl>
                                        <p:attrNameLst>
                                          <p:attrName>ppt_x</p:attrName>
                                          <p:attrName>ppt_y</p:attrName>
                                        </p:attrNameLst>
                                      </p:cBhvr>
                                      <p:rCtr x="0" y="2037"/>
                                    </p:animMotion>
                                  </p:childTnLst>
                                </p:cTn>
                              </p:par>
                            </p:childTnLst>
                          </p:cTn>
                        </p:par>
                      </p:childTnLst>
                    </p:cTn>
                  </p:par>
                  <p:par>
                    <p:cTn id="51" fill="hold">
                      <p:stCondLst>
                        <p:cond delay="indefinite"/>
                      </p:stCondLst>
                      <p:childTnLst>
                        <p:par>
                          <p:cTn id="52" fill="hold">
                            <p:stCondLst>
                              <p:cond delay="0"/>
                            </p:stCondLst>
                            <p:childTnLst>
                              <p:par>
                                <p:cTn id="53" presetID="10" presetClass="entr" presetSubtype="0" fill="hold" grpId="0" nodeType="clickEffect">
                                  <p:stCondLst>
                                    <p:cond delay="0"/>
                                  </p:stCondLst>
                                  <p:childTnLst>
                                    <p:set>
                                      <p:cBhvr>
                                        <p:cTn id="54" dur="1" fill="hold">
                                          <p:stCondLst>
                                            <p:cond delay="0"/>
                                          </p:stCondLst>
                                        </p:cTn>
                                        <p:tgtEl>
                                          <p:spTgt spid="19"/>
                                        </p:tgtEl>
                                        <p:attrNameLst>
                                          <p:attrName>style.visibility</p:attrName>
                                        </p:attrNameLst>
                                      </p:cBhvr>
                                      <p:to>
                                        <p:strVal val="visible"/>
                                      </p:to>
                                    </p:set>
                                    <p:animEffect transition="in" filter="fade">
                                      <p:cBhvr>
                                        <p:cTn id="55" dur="500"/>
                                        <p:tgtEl>
                                          <p:spTgt spid="19"/>
                                        </p:tgtEl>
                                      </p:cBhvr>
                                    </p:animEffect>
                                  </p:childTnLst>
                                </p:cTn>
                              </p:par>
                            </p:childTnLst>
                          </p:cTn>
                        </p:par>
                      </p:childTnLst>
                    </p:cTn>
                  </p:par>
                  <p:par>
                    <p:cTn id="56" fill="hold">
                      <p:stCondLst>
                        <p:cond delay="indefinite"/>
                      </p:stCondLst>
                      <p:childTnLst>
                        <p:par>
                          <p:cTn id="57" fill="hold">
                            <p:stCondLst>
                              <p:cond delay="0"/>
                            </p:stCondLst>
                            <p:childTnLst>
                              <p:par>
                                <p:cTn id="58" presetID="10" presetClass="entr" presetSubtype="0" fill="hold" grpId="0" nodeType="clickEffect">
                                  <p:stCondLst>
                                    <p:cond delay="0"/>
                                  </p:stCondLst>
                                  <p:childTnLst>
                                    <p:set>
                                      <p:cBhvr>
                                        <p:cTn id="59" dur="1" fill="hold">
                                          <p:stCondLst>
                                            <p:cond delay="0"/>
                                          </p:stCondLst>
                                        </p:cTn>
                                        <p:tgtEl>
                                          <p:spTgt spid="20"/>
                                        </p:tgtEl>
                                        <p:attrNameLst>
                                          <p:attrName>style.visibility</p:attrName>
                                        </p:attrNameLst>
                                      </p:cBhvr>
                                      <p:to>
                                        <p:strVal val="visible"/>
                                      </p:to>
                                    </p:set>
                                    <p:animEffect transition="in" filter="fade">
                                      <p:cBhvr>
                                        <p:cTn id="60" dur="500"/>
                                        <p:tgtEl>
                                          <p:spTgt spid="20"/>
                                        </p:tgtEl>
                                      </p:cBhvr>
                                    </p:animEffect>
                                  </p:childTnLst>
                                </p:cTn>
                              </p:par>
                            </p:childTnLst>
                          </p:cTn>
                        </p:par>
                      </p:childTnLst>
                    </p:cTn>
                  </p:par>
                  <p:par>
                    <p:cTn id="61" fill="hold">
                      <p:stCondLst>
                        <p:cond delay="indefinite"/>
                      </p:stCondLst>
                      <p:childTnLst>
                        <p:par>
                          <p:cTn id="62" fill="hold">
                            <p:stCondLst>
                              <p:cond delay="0"/>
                            </p:stCondLst>
                            <p:childTnLst>
                              <p:par>
                                <p:cTn id="63" presetID="10" presetClass="entr" presetSubtype="0" fill="hold" grpId="0" nodeType="clickEffect">
                                  <p:stCondLst>
                                    <p:cond delay="0"/>
                                  </p:stCondLst>
                                  <p:childTnLst>
                                    <p:set>
                                      <p:cBhvr>
                                        <p:cTn id="64" dur="1" fill="hold">
                                          <p:stCondLst>
                                            <p:cond delay="0"/>
                                          </p:stCondLst>
                                        </p:cTn>
                                        <p:tgtEl>
                                          <p:spTgt spid="21"/>
                                        </p:tgtEl>
                                        <p:attrNameLst>
                                          <p:attrName>style.visibility</p:attrName>
                                        </p:attrNameLst>
                                      </p:cBhvr>
                                      <p:to>
                                        <p:strVal val="visible"/>
                                      </p:to>
                                    </p:set>
                                    <p:animEffect transition="in" filter="fade">
                                      <p:cBhvr>
                                        <p:cTn id="65" dur="500"/>
                                        <p:tgtEl>
                                          <p:spTgt spid="21"/>
                                        </p:tgtEl>
                                      </p:cBhvr>
                                    </p:animEffect>
                                  </p:childTnLst>
                                </p:cTn>
                              </p:par>
                            </p:childTnLst>
                          </p:cTn>
                        </p:par>
                      </p:childTnLst>
                    </p:cTn>
                  </p:par>
                  <p:par>
                    <p:cTn id="66" fill="hold">
                      <p:stCondLst>
                        <p:cond delay="indefinite"/>
                      </p:stCondLst>
                      <p:childTnLst>
                        <p:par>
                          <p:cTn id="67" fill="hold">
                            <p:stCondLst>
                              <p:cond delay="0"/>
                            </p:stCondLst>
                            <p:childTnLst>
                              <p:par>
                                <p:cTn id="68" presetID="10" presetClass="entr" presetSubtype="0" fill="hold" grpId="0" nodeType="clickEffect">
                                  <p:stCondLst>
                                    <p:cond delay="0"/>
                                  </p:stCondLst>
                                  <p:childTnLst>
                                    <p:set>
                                      <p:cBhvr>
                                        <p:cTn id="69" dur="1" fill="hold">
                                          <p:stCondLst>
                                            <p:cond delay="0"/>
                                          </p:stCondLst>
                                        </p:cTn>
                                        <p:tgtEl>
                                          <p:spTgt spid="97"/>
                                        </p:tgtEl>
                                        <p:attrNameLst>
                                          <p:attrName>style.visibility</p:attrName>
                                        </p:attrNameLst>
                                      </p:cBhvr>
                                      <p:to>
                                        <p:strVal val="visible"/>
                                      </p:to>
                                    </p:set>
                                    <p:animEffect transition="in" filter="fade">
                                      <p:cBhvr>
                                        <p:cTn id="70" dur="500"/>
                                        <p:tgtEl>
                                          <p:spTgt spid="9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9" grpId="0"/>
      <p:bldP spid="20" grpId="0"/>
      <p:bldP spid="21" grpId="0"/>
      <p:bldP spid="24" grpId="0" animBg="1"/>
      <p:bldP spid="25" grpId="0" animBg="1"/>
      <p:bldP spid="40" grpId="0" animBg="1"/>
      <p:bldP spid="41" grpId="0" animBg="1"/>
      <p:bldP spid="42" grpId="0" animBg="1"/>
      <p:bldP spid="43" grpId="0" animBg="1"/>
      <p:bldP spid="54" grpId="0" animBg="1"/>
      <p:bldP spid="97" grpId="0"/>
      <p:bldP spid="60"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name="connsiteX0" fmla="*/ 0 w 429280"/>
                  <a:gd name="connsiteY0" fmla="*/ 0 h 174012"/>
                  <a:gd name="connsiteX1" fmla="*/ 0 w 429280"/>
                  <a:gd name="connsiteY1" fmla="*/ 89689 h 174012"/>
                  <a:gd name="connsiteX2" fmla="*/ 214640 w 429280"/>
                  <a:gd name="connsiteY2" fmla="*/ 174012 h 174012"/>
                  <a:gd name="connsiteX3" fmla="*/ 429281 w 429280"/>
                  <a:gd name="connsiteY3" fmla="*/ 89689 h 174012"/>
                  <a:gd name="connsiteX4" fmla="*/ 429281 w 429280"/>
                  <a:gd name="connsiteY4" fmla="*/ 0 h 174012"/>
                  <a:gd name="connsiteX5" fmla="*/ 214640 w 429280"/>
                  <a:gd name="connsiteY5" fmla="*/ 75891 h 174012"/>
                  <a:gd name="connsiteX6" fmla="*/ 0 w 429280"/>
                  <a:gd name="connsiteY6" fmla="*/ 0 h 1740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29280" h="174012">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w="7640" cap="flat">
                <a:noFill/>
                <a:prstDash val="solid"/>
                <a:miter/>
              </a:ln>
            </p:spPr>
            <p:txBody>
              <a:bodyPr rtlCol="0" anchor="ctr"/>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name="connsiteX0" fmla="*/ 334226 w 668451"/>
                  <a:gd name="connsiteY0" fmla="*/ 236871 h 291297"/>
                  <a:gd name="connsiteX1" fmla="*/ 668452 w 668451"/>
                  <a:gd name="connsiteY1" fmla="*/ 119585 h 291297"/>
                  <a:gd name="connsiteX2" fmla="*/ 334226 w 668451"/>
                  <a:gd name="connsiteY2" fmla="*/ 0 h 291297"/>
                  <a:gd name="connsiteX3" fmla="*/ 0 w 668451"/>
                  <a:gd name="connsiteY3" fmla="*/ 119585 h 291297"/>
                  <a:gd name="connsiteX4" fmla="*/ 42928 w 668451"/>
                  <a:gd name="connsiteY4" fmla="*/ 134917 h 291297"/>
                  <a:gd name="connsiteX5" fmla="*/ 42928 w 668451"/>
                  <a:gd name="connsiteY5" fmla="*/ 275966 h 291297"/>
                  <a:gd name="connsiteX6" fmla="*/ 58260 w 668451"/>
                  <a:gd name="connsiteY6" fmla="*/ 291298 h 291297"/>
                  <a:gd name="connsiteX7" fmla="*/ 73591 w 668451"/>
                  <a:gd name="connsiteY7" fmla="*/ 275966 h 291297"/>
                  <a:gd name="connsiteX8" fmla="*/ 73591 w 668451"/>
                  <a:gd name="connsiteY8" fmla="*/ 145649 h 291297"/>
                  <a:gd name="connsiteX9" fmla="*/ 334226 w 668451"/>
                  <a:gd name="connsiteY9" fmla="*/ 236871 h 2912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668451" h="291297">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w="7640" cap="flat">
                <a:noFill/>
                <a:prstDash val="solid"/>
                <a:miter/>
              </a:ln>
            </p:spPr>
            <p:txBody>
              <a:bodyPr rtlCol="0" anchor="ctr"/>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name="connsiteX0" fmla="*/ 300492 w 493114"/>
                  <a:gd name="connsiteY0" fmla="*/ 161803 h 369836"/>
                  <a:gd name="connsiteX1" fmla="*/ 263508 w 493114"/>
                  <a:gd name="connsiteY1" fmla="*/ 161803 h 369836"/>
                  <a:gd name="connsiteX2" fmla="*/ 246557 w 493114"/>
                  <a:gd name="connsiteY2" fmla="*/ 140615 h 369836"/>
                  <a:gd name="connsiteX3" fmla="*/ 246557 w 493114"/>
                  <a:gd name="connsiteY3" fmla="*/ 77049 h 369836"/>
                  <a:gd name="connsiteX4" fmla="*/ 323607 w 493114"/>
                  <a:gd name="connsiteY4" fmla="*/ 77049 h 369836"/>
                  <a:gd name="connsiteX5" fmla="*/ 323607 w 493114"/>
                  <a:gd name="connsiteY5" fmla="*/ 30820 h 369836"/>
                  <a:gd name="connsiteX6" fmla="*/ 263508 w 493114"/>
                  <a:gd name="connsiteY6" fmla="*/ 30820 h 369836"/>
                  <a:gd name="connsiteX7" fmla="*/ 238852 w 493114"/>
                  <a:gd name="connsiteY7" fmla="*/ 0 h 369836"/>
                  <a:gd name="connsiteX8" fmla="*/ 177213 w 493114"/>
                  <a:gd name="connsiteY8" fmla="*/ 0 h 369836"/>
                  <a:gd name="connsiteX9" fmla="*/ 152557 w 493114"/>
                  <a:gd name="connsiteY9" fmla="*/ 30820 h 369836"/>
                  <a:gd name="connsiteX10" fmla="*/ 92459 w 493114"/>
                  <a:gd name="connsiteY10" fmla="*/ 30820 h 369836"/>
                  <a:gd name="connsiteX11" fmla="*/ 92459 w 493114"/>
                  <a:gd name="connsiteY11" fmla="*/ 77049 h 369836"/>
                  <a:gd name="connsiteX12" fmla="*/ 169508 w 493114"/>
                  <a:gd name="connsiteY12" fmla="*/ 77049 h 369836"/>
                  <a:gd name="connsiteX13" fmla="*/ 169508 w 493114"/>
                  <a:gd name="connsiteY13" fmla="*/ 140615 h 369836"/>
                  <a:gd name="connsiteX14" fmla="*/ 152557 w 493114"/>
                  <a:gd name="connsiteY14" fmla="*/ 161803 h 369836"/>
                  <a:gd name="connsiteX15" fmla="*/ 0 w 493114"/>
                  <a:gd name="connsiteY15" fmla="*/ 161803 h 369836"/>
                  <a:gd name="connsiteX16" fmla="*/ 0 w 493114"/>
                  <a:gd name="connsiteY16" fmla="*/ 285082 h 369836"/>
                  <a:gd name="connsiteX17" fmla="*/ 300492 w 493114"/>
                  <a:gd name="connsiteY17" fmla="*/ 285082 h 369836"/>
                  <a:gd name="connsiteX18" fmla="*/ 369836 w 493114"/>
                  <a:gd name="connsiteY18" fmla="*/ 354426 h 369836"/>
                  <a:gd name="connsiteX19" fmla="*/ 369836 w 493114"/>
                  <a:gd name="connsiteY19" fmla="*/ 369836 h 369836"/>
                  <a:gd name="connsiteX20" fmla="*/ 493115 w 493114"/>
                  <a:gd name="connsiteY20" fmla="*/ 369836 h 369836"/>
                  <a:gd name="connsiteX21" fmla="*/ 493115 w 493114"/>
                  <a:gd name="connsiteY21" fmla="*/ 354426 h 369836"/>
                  <a:gd name="connsiteX22" fmla="*/ 300492 w 493114"/>
                  <a:gd name="connsiteY22" fmla="*/ 161803 h 3698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493114" h="369836">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w="7640"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name="connsiteX0" fmla="*/ 4 w 105126"/>
                  <a:gd name="connsiteY0" fmla="*/ 108516 h 161715"/>
                  <a:gd name="connsiteX1" fmla="*/ 51927 w 105126"/>
                  <a:gd name="connsiteY1" fmla="*/ 161712 h 161715"/>
                  <a:gd name="connsiteX2" fmla="*/ 105122 w 105126"/>
                  <a:gd name="connsiteY2" fmla="*/ 109789 h 161715"/>
                  <a:gd name="connsiteX3" fmla="*/ 105122 w 105126"/>
                  <a:gd name="connsiteY3" fmla="*/ 108516 h 161715"/>
                  <a:gd name="connsiteX4" fmla="*/ 52567 w 105126"/>
                  <a:gd name="connsiteY4" fmla="*/ 0 h 161715"/>
                  <a:gd name="connsiteX5" fmla="*/ 4 w 105126"/>
                  <a:gd name="connsiteY5" fmla="*/ 108516 h 1617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5126" h="161715">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w="7640" cap="flat">
                <a:noFill/>
                <a:prstDash val="solid"/>
                <a:miter/>
              </a:ln>
            </p:spPr>
            <p:txBody>
              <a:bodyPr rtlCol="0" anchor="ctr"/>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name="connsiteX0" fmla="*/ 138113 w 276225"/>
                  <a:gd name="connsiteY0" fmla="*/ 185738 h 276225"/>
                  <a:gd name="connsiteX1" fmla="*/ 90488 w 276225"/>
                  <a:gd name="connsiteY1" fmla="*/ 138113 h 276225"/>
                  <a:gd name="connsiteX2" fmla="*/ 138113 w 276225"/>
                  <a:gd name="connsiteY2" fmla="*/ 90488 h 276225"/>
                  <a:gd name="connsiteX3" fmla="*/ 185738 w 276225"/>
                  <a:gd name="connsiteY3" fmla="*/ 138113 h 276225"/>
                  <a:gd name="connsiteX4" fmla="*/ 138113 w 276225"/>
                  <a:gd name="connsiteY4" fmla="*/ 185738 h 276225"/>
                  <a:gd name="connsiteX5" fmla="*/ 138113 w 276225"/>
                  <a:gd name="connsiteY5" fmla="*/ 0 h 276225"/>
                  <a:gd name="connsiteX6" fmla="*/ 0 w 276225"/>
                  <a:gd name="connsiteY6" fmla="*/ 138113 h 276225"/>
                  <a:gd name="connsiteX7" fmla="*/ 138113 w 276225"/>
                  <a:gd name="connsiteY7" fmla="*/ 276225 h 276225"/>
                  <a:gd name="connsiteX8" fmla="*/ 276225 w 276225"/>
                  <a:gd name="connsiteY8" fmla="*/ 138113 h 276225"/>
                  <a:gd name="connsiteX9" fmla="*/ 138113 w 276225"/>
                  <a:gd name="connsiteY9" fmla="*/ 0 h 2762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276225" h="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w="9525" cap="flat">
                <a:noFill/>
                <a:prstDash val="solid"/>
                <a:miter/>
              </a:ln>
            </p:spPr>
            <p:txBody>
              <a:bodyPr rtlCol="0" anchor="ctr"/>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name="connsiteX0" fmla="*/ 0 w 247656"/>
                  <a:gd name="connsiteY0" fmla="*/ 0 h 314332"/>
                  <a:gd name="connsiteX1" fmla="*/ 247656 w 247656"/>
                  <a:gd name="connsiteY1" fmla="*/ 0 h 314332"/>
                  <a:gd name="connsiteX2" fmla="*/ 247656 w 247656"/>
                  <a:gd name="connsiteY2" fmla="*/ 314333 h 314332"/>
                  <a:gd name="connsiteX3" fmla="*/ 0 w 247656"/>
                  <a:gd name="connsiteY3" fmla="*/ 314333 h 314332"/>
                </a:gdLst>
                <a:ahLst/>
                <a:cxnLst>
                  <a:cxn ang="0">
                    <a:pos x="connsiteX0" y="connsiteY0"/>
                  </a:cxn>
                  <a:cxn ang="0">
                    <a:pos x="connsiteX1" y="connsiteY1"/>
                  </a:cxn>
                  <a:cxn ang="0">
                    <a:pos x="connsiteX2" y="connsiteY2"/>
                  </a:cxn>
                  <a:cxn ang="0">
                    <a:pos x="connsiteX3" y="connsiteY3"/>
                  </a:cxn>
                </a:cxnLst>
                <a:rect l="l" t="t" r="r" b="b"/>
                <a:pathLst>
                  <a:path w="247656" h="314332">
                    <a:moveTo>
                      <a:pt x="0" y="0"/>
                    </a:moveTo>
                    <a:lnTo>
                      <a:pt x="247656" y="0"/>
                    </a:lnTo>
                    <a:lnTo>
                      <a:pt x="247656" y="314333"/>
                    </a:lnTo>
                    <a:lnTo>
                      <a:pt x="0" y="314333"/>
                    </a:lnTo>
                    <a:close/>
                  </a:path>
                </a:pathLst>
              </a:custGeom>
              <a:solidFill>
                <a:schemeClr val="accent1"/>
              </a:solidFill>
              <a:ln w="9525" cap="flat">
                <a:noFill/>
                <a:prstDash val="solid"/>
                <a:miter/>
              </a:ln>
            </p:spPr>
            <p:txBody>
              <a:bodyPr rtlCol="0" anchor="ctr"/>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name="connsiteX0" fmla="*/ 231041 w 300573"/>
                  <a:gd name="connsiteY0" fmla="*/ 409575 h 429577"/>
                  <a:gd name="connsiteX1" fmla="*/ 300573 w 300573"/>
                  <a:gd name="connsiteY1" fmla="*/ 429578 h 429577"/>
                  <a:gd name="connsiteX2" fmla="*/ 127218 w 300573"/>
                  <a:gd name="connsiteY2" fmla="*/ 2857 h 429577"/>
                  <a:gd name="connsiteX3" fmla="*/ 126266 w 300573"/>
                  <a:gd name="connsiteY3" fmla="*/ 0 h 429577"/>
                  <a:gd name="connsiteX4" fmla="*/ 72926 w 300573"/>
                  <a:gd name="connsiteY4" fmla="*/ 21907 h 429577"/>
                  <a:gd name="connsiteX5" fmla="*/ 73878 w 300573"/>
                  <a:gd name="connsiteY5" fmla="*/ 24765 h 429577"/>
                  <a:gd name="connsiteX6" fmla="*/ 95786 w 300573"/>
                  <a:gd name="connsiteY6" fmla="*/ 79057 h 429577"/>
                  <a:gd name="connsiteX7" fmla="*/ 17681 w 300573"/>
                  <a:gd name="connsiteY7" fmla="*/ 111442 h 429577"/>
                  <a:gd name="connsiteX8" fmla="*/ 2441 w 300573"/>
                  <a:gd name="connsiteY8" fmla="*/ 148590 h 429577"/>
                  <a:gd name="connsiteX9" fmla="*/ 29111 w 300573"/>
                  <a:gd name="connsiteY9" fmla="*/ 166688 h 429577"/>
                  <a:gd name="connsiteX10" fmla="*/ 39588 w 300573"/>
                  <a:gd name="connsiteY10" fmla="*/ 164783 h 429577"/>
                  <a:gd name="connsiteX11" fmla="*/ 117693 w 300573"/>
                  <a:gd name="connsiteY11" fmla="*/ 132398 h 429577"/>
                  <a:gd name="connsiteX12" fmla="*/ 231041 w 300573"/>
                  <a:gd name="connsiteY12" fmla="*/ 409575 h 4295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300573" h="429577">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w="9525"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name="connsiteX0" fmla="*/ 223838 w 252412"/>
                  <a:gd name="connsiteY0" fmla="*/ 0 h 152400"/>
                  <a:gd name="connsiteX1" fmla="*/ 212408 w 252412"/>
                  <a:gd name="connsiteY1" fmla="*/ 1905 h 152400"/>
                  <a:gd name="connsiteX2" fmla="*/ 19050 w 252412"/>
                  <a:gd name="connsiteY2" fmla="*/ 81915 h 152400"/>
                  <a:gd name="connsiteX3" fmla="*/ 0 w 252412"/>
                  <a:gd name="connsiteY3" fmla="*/ 151448 h 152400"/>
                  <a:gd name="connsiteX4" fmla="*/ 0 w 252412"/>
                  <a:gd name="connsiteY4" fmla="*/ 152400 h 152400"/>
                  <a:gd name="connsiteX5" fmla="*/ 232410 w 252412"/>
                  <a:gd name="connsiteY5" fmla="*/ 55245 h 152400"/>
                  <a:gd name="connsiteX6" fmla="*/ 252413 w 252412"/>
                  <a:gd name="connsiteY6" fmla="*/ 28575 h 152400"/>
                  <a:gd name="connsiteX7" fmla="*/ 223838 w 252412"/>
                  <a:gd name="connsiteY7" fmla="*/ 0 h 1524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52412" h="152400">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w="9525" cap="flat">
                <a:noFill/>
                <a:prstDash val="solid"/>
                <a:miter/>
              </a:ln>
            </p:spPr>
            <p:txBody>
              <a:bodyPr rtlCol="0" anchor="ctr"/>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name="connsiteX0" fmla="*/ 419100 w 457200"/>
                <a:gd name="connsiteY0" fmla="*/ 152400 h 457200"/>
                <a:gd name="connsiteX1" fmla="*/ 304800 w 457200"/>
                <a:gd name="connsiteY1" fmla="*/ 152400 h 457200"/>
                <a:gd name="connsiteX2" fmla="*/ 304800 w 457200"/>
                <a:gd name="connsiteY2" fmla="*/ 38100 h 457200"/>
                <a:gd name="connsiteX3" fmla="*/ 266700 w 457200"/>
                <a:gd name="connsiteY3" fmla="*/ 0 h 457200"/>
                <a:gd name="connsiteX4" fmla="*/ 190500 w 457200"/>
                <a:gd name="connsiteY4" fmla="*/ 0 h 457200"/>
                <a:gd name="connsiteX5" fmla="*/ 152400 w 457200"/>
                <a:gd name="connsiteY5" fmla="*/ 38100 h 457200"/>
                <a:gd name="connsiteX6" fmla="*/ 152400 w 457200"/>
                <a:gd name="connsiteY6" fmla="*/ 152400 h 457200"/>
                <a:gd name="connsiteX7" fmla="*/ 38100 w 457200"/>
                <a:gd name="connsiteY7" fmla="*/ 152400 h 457200"/>
                <a:gd name="connsiteX8" fmla="*/ 0 w 457200"/>
                <a:gd name="connsiteY8" fmla="*/ 190500 h 457200"/>
                <a:gd name="connsiteX9" fmla="*/ 0 w 457200"/>
                <a:gd name="connsiteY9" fmla="*/ 266700 h 457200"/>
                <a:gd name="connsiteX10" fmla="*/ 38100 w 457200"/>
                <a:gd name="connsiteY10" fmla="*/ 304800 h 457200"/>
                <a:gd name="connsiteX11" fmla="*/ 152400 w 457200"/>
                <a:gd name="connsiteY11" fmla="*/ 304800 h 457200"/>
                <a:gd name="connsiteX12" fmla="*/ 152400 w 457200"/>
                <a:gd name="connsiteY12" fmla="*/ 419100 h 457200"/>
                <a:gd name="connsiteX13" fmla="*/ 190500 w 457200"/>
                <a:gd name="connsiteY13" fmla="*/ 457200 h 457200"/>
                <a:gd name="connsiteX14" fmla="*/ 266700 w 457200"/>
                <a:gd name="connsiteY14" fmla="*/ 457200 h 457200"/>
                <a:gd name="connsiteX15" fmla="*/ 304800 w 457200"/>
                <a:gd name="connsiteY15" fmla="*/ 419100 h 457200"/>
                <a:gd name="connsiteX16" fmla="*/ 304800 w 457200"/>
                <a:gd name="connsiteY16" fmla="*/ 304800 h 457200"/>
                <a:gd name="connsiteX17" fmla="*/ 419100 w 457200"/>
                <a:gd name="connsiteY17" fmla="*/ 304800 h 457200"/>
                <a:gd name="connsiteX18" fmla="*/ 457200 w 457200"/>
                <a:gd name="connsiteY18" fmla="*/ 266700 h 457200"/>
                <a:gd name="connsiteX19" fmla="*/ 457200 w 457200"/>
                <a:gd name="connsiteY19" fmla="*/ 190500 h 457200"/>
                <a:gd name="connsiteX20" fmla="*/ 419100 w 457200"/>
                <a:gd name="connsiteY20" fmla="*/ 152400 h 4572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457200" h="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w="9525" cap="flat">
              <a:noFill/>
              <a:prstDash val="solid"/>
              <a:miter/>
            </a:ln>
          </p:spPr>
          <p:txBody>
            <a:bodyPr rtlCol="0" anchor="ctr"/>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id="29" name="Graphic 4" descr="Apple with solid fill">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name="connsiteX0" fmla="*/ 589044 w 625817"/>
                <a:gd name="connsiteY0" fmla="*/ 254441 h 758744"/>
                <a:gd name="connsiteX1" fmla="*/ 340442 w 625817"/>
                <a:gd name="connsiteY1" fmla="*/ 241106 h 758744"/>
                <a:gd name="connsiteX2" fmla="*/ 326154 w 625817"/>
                <a:gd name="connsiteY2" fmla="*/ 177289 h 758744"/>
                <a:gd name="connsiteX3" fmla="*/ 429977 w 625817"/>
                <a:gd name="connsiteY3" fmla="*/ 133474 h 758744"/>
                <a:gd name="connsiteX4" fmla="*/ 474744 w 625817"/>
                <a:gd name="connsiteY4" fmla="*/ 124 h 758744"/>
                <a:gd name="connsiteX5" fmla="*/ 341394 w 625817"/>
                <a:gd name="connsiteY5" fmla="*/ 44891 h 758744"/>
                <a:gd name="connsiteX6" fmla="*/ 301389 w 625817"/>
                <a:gd name="connsiteY6" fmla="*/ 124901 h 758744"/>
                <a:gd name="connsiteX7" fmla="*/ 194709 w 625817"/>
                <a:gd name="connsiteY7" fmla="*/ 14411 h 758744"/>
                <a:gd name="connsiteX8" fmla="*/ 165182 w 625817"/>
                <a:gd name="connsiteY8" fmla="*/ 62989 h 758744"/>
                <a:gd name="connsiteX9" fmla="*/ 283292 w 625817"/>
                <a:gd name="connsiteY9" fmla="*/ 240154 h 758744"/>
                <a:gd name="connsiteX10" fmla="*/ 36594 w 625817"/>
                <a:gd name="connsiteY10" fmla="*/ 253489 h 758744"/>
                <a:gd name="connsiteX11" fmla="*/ 313772 w 625817"/>
                <a:gd name="connsiteY11" fmla="*/ 733549 h 758744"/>
                <a:gd name="connsiteX12" fmla="*/ 589044 w 625817"/>
                <a:gd name="connsiteY12" fmla="*/ 254441 h 7587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625817" h="758744">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w="9525" cap="flat">
              <a:noFill/>
              <a:prstDash val="solid"/>
              <a:miter/>
            </a:ln>
          </p:spPr>
          <p:txBody>
            <a:bodyPr rtlCol="0" anchor="ctr"/>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id="32" name="Graphic 31" descr="Lion with solid fill">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w="53975" cap="rnd">
            <a:solidFill>
              <a:srgbClr val="276696"/>
            </a:solidFill>
            <a:prstDash val="sysDot"/>
            <a:headEnd type="none" w="lg" len="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wrap="square" rtlCol="0">
              <a:spAutoFit/>
            </a:bodyPr>
            <a:lstStyle/>
            <a:p>
              <a:pPr algn="ctr">
                <a:buClr>
                  <a:srgbClr val="008CCF"/>
                </a:buClr>
              </a:pPr>
              <a:r>
                <a:rPr lang="es-ES" sz="2400"/>
                <a:t>Data element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wrap="square" rtlCol="0">
              <a:spAutoFit/>
            </a:bodyPr>
            <a:lstStyle/>
            <a:p>
              <a:pPr algn="ctr">
                <a:buClr>
                  <a:srgbClr val="008CCF"/>
                </a:buClr>
              </a:pPr>
              <a:r>
                <a:rPr lang="es-ES" sz="2400"/>
                <a:t>Organisation units</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wrap="square" rtlCol="0">
              <a:spAutoFit/>
            </a:bodyPr>
            <a:lstStyle/>
            <a:p>
              <a:pPr algn="ctr">
                <a:buClr>
                  <a:srgbClr val="008CCF"/>
                </a:buClr>
              </a:pPr>
              <a:r>
                <a:rPr lang="es-ES" sz="2400"/>
                <a:t>Period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spd="slow" advTm="18297">
        <p159:morph option="byObject"/>
      </p:transition>
    </mc:Choice>
    <mc:Fallback xmlns="">
      <p:transition spd="slow" advTm="18297">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7"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anim calcmode="lin" valueType="num">
                                      <p:cBhvr>
                                        <p:cTn id="8" dur="500" fill="hold"/>
                                        <p:tgtEl>
                                          <p:spTgt spid="5"/>
                                        </p:tgtEl>
                                        <p:attrNameLst>
                                          <p:attrName>ppt_x</p:attrName>
                                        </p:attrNameLst>
                                      </p:cBhvr>
                                      <p:tavLst>
                                        <p:tav tm="0">
                                          <p:val>
                                            <p:strVal val="#ppt_x"/>
                                          </p:val>
                                        </p:tav>
                                        <p:tav tm="100000">
                                          <p:val>
                                            <p:strVal val="#ppt_x"/>
                                          </p:val>
                                        </p:tav>
                                      </p:tavLst>
                                    </p:anim>
                                    <p:anim calcmode="lin" valueType="num">
                                      <p:cBhvr>
                                        <p:cTn id="9" dur="500" fill="hold"/>
                                        <p:tgtEl>
                                          <p:spTgt spid="5"/>
                                        </p:tgtEl>
                                        <p:attrNameLst>
                                          <p:attrName>ppt_y</p:attrName>
                                        </p:attrNameLst>
                                      </p:cBhvr>
                                      <p:tavLst>
                                        <p:tav tm="0">
                                          <p:val>
                                            <p:strVal val="#ppt_y-.1"/>
                                          </p:val>
                                        </p:tav>
                                        <p:tav tm="100000">
                                          <p:val>
                                            <p:strVal val="#ppt_y"/>
                                          </p:val>
                                        </p:tav>
                                      </p:tavLst>
                                    </p:anim>
                                  </p:childTnLst>
                                </p:cTn>
                              </p:par>
                            </p:childTnLst>
                          </p:cTn>
                        </p:par>
                        <p:par>
                          <p:cTn id="10" fill="hold">
                            <p:stCondLst>
                              <p:cond delay="500"/>
                            </p:stCondLst>
                            <p:childTnLst>
                              <p:par>
                                <p:cTn id="11" presetID="47" presetClass="entr" presetSubtype="0" fill="hold" nodeType="afterEffect">
                                  <p:stCondLst>
                                    <p:cond delay="0"/>
                                  </p:stCondLst>
                                  <p:childTnLst>
                                    <p:set>
                                      <p:cBhvr>
                                        <p:cTn id="12" dur="1" fill="hold">
                                          <p:stCondLst>
                                            <p:cond delay="0"/>
                                          </p:stCondLst>
                                        </p:cTn>
                                        <p:tgtEl>
                                          <p:spTgt spid="25"/>
                                        </p:tgtEl>
                                        <p:attrNameLst>
                                          <p:attrName>style.visibility</p:attrName>
                                        </p:attrNameLst>
                                      </p:cBhvr>
                                      <p:to>
                                        <p:strVal val="visible"/>
                                      </p:to>
                                    </p:set>
                                    <p:animEffect transition="in" filter="fade">
                                      <p:cBhvr>
                                        <p:cTn id="13" dur="500"/>
                                        <p:tgtEl>
                                          <p:spTgt spid="25"/>
                                        </p:tgtEl>
                                      </p:cBhvr>
                                    </p:animEffect>
                                    <p:anim calcmode="lin" valueType="num">
                                      <p:cBhvr>
                                        <p:cTn id="14" dur="500" fill="hold"/>
                                        <p:tgtEl>
                                          <p:spTgt spid="25"/>
                                        </p:tgtEl>
                                        <p:attrNameLst>
                                          <p:attrName>ppt_x</p:attrName>
                                        </p:attrNameLst>
                                      </p:cBhvr>
                                      <p:tavLst>
                                        <p:tav tm="0">
                                          <p:val>
                                            <p:strVal val="#ppt_x"/>
                                          </p:val>
                                        </p:tav>
                                        <p:tav tm="100000">
                                          <p:val>
                                            <p:strVal val="#ppt_x"/>
                                          </p:val>
                                        </p:tav>
                                      </p:tavLst>
                                    </p:anim>
                                    <p:anim calcmode="lin" valueType="num">
                                      <p:cBhvr>
                                        <p:cTn id="15" dur="500" fill="hold"/>
                                        <p:tgtEl>
                                          <p:spTgt spid="25"/>
                                        </p:tgtEl>
                                        <p:attrNameLst>
                                          <p:attrName>ppt_y</p:attrName>
                                        </p:attrNameLst>
                                      </p:cBhvr>
                                      <p:tavLst>
                                        <p:tav tm="0">
                                          <p:val>
                                            <p:strVal val="#ppt_y-.1"/>
                                          </p:val>
                                        </p:tav>
                                        <p:tav tm="100000">
                                          <p:val>
                                            <p:strVal val="#ppt_y"/>
                                          </p:val>
                                        </p:tav>
                                      </p:tavLst>
                                    </p:anim>
                                  </p:childTnLst>
                                </p:cTn>
                              </p:par>
                            </p:childTnLst>
                          </p:cTn>
                        </p:par>
                        <p:par>
                          <p:cTn id="16" fill="hold">
                            <p:stCondLst>
                              <p:cond delay="1000"/>
                            </p:stCondLst>
                            <p:childTnLst>
                              <p:par>
                                <p:cTn id="17" presetID="47" presetClass="entr" presetSubtype="0" fill="hold" nodeType="afterEffect">
                                  <p:stCondLst>
                                    <p:cond delay="0"/>
                                  </p:stCondLst>
                                  <p:childTnLst>
                                    <p:set>
                                      <p:cBhvr>
                                        <p:cTn id="18" dur="1" fill="hold">
                                          <p:stCondLst>
                                            <p:cond delay="0"/>
                                          </p:stCondLst>
                                        </p:cTn>
                                        <p:tgtEl>
                                          <p:spTgt spid="18"/>
                                        </p:tgtEl>
                                        <p:attrNameLst>
                                          <p:attrName>style.visibility</p:attrName>
                                        </p:attrNameLst>
                                      </p:cBhvr>
                                      <p:to>
                                        <p:strVal val="visible"/>
                                      </p:to>
                                    </p:set>
                                    <p:animEffect transition="in" filter="fade">
                                      <p:cBhvr>
                                        <p:cTn id="19" dur="500"/>
                                        <p:tgtEl>
                                          <p:spTgt spid="18"/>
                                        </p:tgtEl>
                                      </p:cBhvr>
                                    </p:animEffect>
                                    <p:anim calcmode="lin" valueType="num">
                                      <p:cBhvr>
                                        <p:cTn id="20" dur="500" fill="hold"/>
                                        <p:tgtEl>
                                          <p:spTgt spid="18"/>
                                        </p:tgtEl>
                                        <p:attrNameLst>
                                          <p:attrName>ppt_x</p:attrName>
                                        </p:attrNameLst>
                                      </p:cBhvr>
                                      <p:tavLst>
                                        <p:tav tm="0">
                                          <p:val>
                                            <p:strVal val="#ppt_x"/>
                                          </p:val>
                                        </p:tav>
                                        <p:tav tm="100000">
                                          <p:val>
                                            <p:strVal val="#ppt_x"/>
                                          </p:val>
                                        </p:tav>
                                      </p:tavLst>
                                    </p:anim>
                                    <p:anim calcmode="lin" valueType="num">
                                      <p:cBhvr>
                                        <p:cTn id="21" dur="500" fill="hold"/>
                                        <p:tgtEl>
                                          <p:spTgt spid="18"/>
                                        </p:tgtEl>
                                        <p:attrNameLst>
                                          <p:attrName>ppt_y</p:attrName>
                                        </p:attrNameLst>
                                      </p:cBhvr>
                                      <p:tavLst>
                                        <p:tav tm="0">
                                          <p:val>
                                            <p:strVal val="#ppt_y-.1"/>
                                          </p:val>
                                        </p:tav>
                                        <p:tav tm="100000">
                                          <p:val>
                                            <p:strVal val="#ppt_y"/>
                                          </p:val>
                                        </p:tav>
                                      </p:tavLst>
                                    </p:anim>
                                  </p:childTnLst>
                                </p:cTn>
                              </p:par>
                            </p:childTnLst>
                          </p:cTn>
                        </p:par>
                        <p:par>
                          <p:cTn id="22" fill="hold">
                            <p:stCondLst>
                              <p:cond delay="1500"/>
                            </p:stCondLst>
                            <p:childTnLst>
                              <p:par>
                                <p:cTn id="23" presetID="47" presetClass="entr" presetSubtype="0" fill="hold" nodeType="afterEffect">
                                  <p:stCondLst>
                                    <p:cond delay="0"/>
                                  </p:stCondLst>
                                  <p:childTnLst>
                                    <p:set>
                                      <p:cBhvr>
                                        <p:cTn id="24" dur="1" fill="hold">
                                          <p:stCondLst>
                                            <p:cond delay="0"/>
                                          </p:stCondLst>
                                        </p:cTn>
                                        <p:tgtEl>
                                          <p:spTgt spid="15"/>
                                        </p:tgtEl>
                                        <p:attrNameLst>
                                          <p:attrName>style.visibility</p:attrName>
                                        </p:attrNameLst>
                                      </p:cBhvr>
                                      <p:to>
                                        <p:strVal val="visible"/>
                                      </p:to>
                                    </p:set>
                                    <p:animEffect transition="in" filter="fade">
                                      <p:cBhvr>
                                        <p:cTn id="25" dur="500"/>
                                        <p:tgtEl>
                                          <p:spTgt spid="15"/>
                                        </p:tgtEl>
                                      </p:cBhvr>
                                    </p:animEffect>
                                    <p:anim calcmode="lin" valueType="num">
                                      <p:cBhvr>
                                        <p:cTn id="26" dur="500" fill="hold"/>
                                        <p:tgtEl>
                                          <p:spTgt spid="15"/>
                                        </p:tgtEl>
                                        <p:attrNameLst>
                                          <p:attrName>ppt_x</p:attrName>
                                        </p:attrNameLst>
                                      </p:cBhvr>
                                      <p:tavLst>
                                        <p:tav tm="0">
                                          <p:val>
                                            <p:strVal val="#ppt_x"/>
                                          </p:val>
                                        </p:tav>
                                        <p:tav tm="100000">
                                          <p:val>
                                            <p:strVal val="#ppt_x"/>
                                          </p:val>
                                        </p:tav>
                                      </p:tavLst>
                                    </p:anim>
                                    <p:anim calcmode="lin" valueType="num">
                                      <p:cBhvr>
                                        <p:cTn id="27" dur="500" fill="hold"/>
                                        <p:tgtEl>
                                          <p:spTgt spid="15"/>
                                        </p:tgtEl>
                                        <p:attrNameLst>
                                          <p:attrName>ppt_y</p:attrName>
                                        </p:attrNameLst>
                                      </p:cBhvr>
                                      <p:tavLst>
                                        <p:tav tm="0">
                                          <p:val>
                                            <p:strVal val="#ppt_y-.1"/>
                                          </p:val>
                                        </p:tav>
                                        <p:tav tm="100000">
                                          <p:val>
                                            <p:strVal val="#ppt_y"/>
                                          </p:val>
                                        </p:tav>
                                      </p:tavLst>
                                    </p:anim>
                                  </p:childTnLst>
                                </p:cTn>
                              </p:par>
                            </p:childTnLst>
                          </p:cTn>
                        </p:par>
                        <p:par>
                          <p:cTn id="28" fill="hold">
                            <p:stCondLst>
                              <p:cond delay="2000"/>
                            </p:stCondLst>
                            <p:childTnLst>
                              <p:par>
                                <p:cTn id="29" presetID="47" presetClass="entr" presetSubtype="0" fill="hold" nodeType="afterEffect">
                                  <p:stCondLst>
                                    <p:cond delay="0"/>
                                  </p:stCondLst>
                                  <p:childTnLst>
                                    <p:set>
                                      <p:cBhvr>
                                        <p:cTn id="30" dur="1" fill="hold">
                                          <p:stCondLst>
                                            <p:cond delay="0"/>
                                          </p:stCondLst>
                                        </p:cTn>
                                        <p:tgtEl>
                                          <p:spTgt spid="28"/>
                                        </p:tgtEl>
                                        <p:attrNameLst>
                                          <p:attrName>style.visibility</p:attrName>
                                        </p:attrNameLst>
                                      </p:cBhvr>
                                      <p:to>
                                        <p:strVal val="visible"/>
                                      </p:to>
                                    </p:set>
                                    <p:animEffect transition="in" filter="fade">
                                      <p:cBhvr>
                                        <p:cTn id="31" dur="500"/>
                                        <p:tgtEl>
                                          <p:spTgt spid="28"/>
                                        </p:tgtEl>
                                      </p:cBhvr>
                                    </p:animEffect>
                                    <p:anim calcmode="lin" valueType="num">
                                      <p:cBhvr>
                                        <p:cTn id="32" dur="500" fill="hold"/>
                                        <p:tgtEl>
                                          <p:spTgt spid="28"/>
                                        </p:tgtEl>
                                        <p:attrNameLst>
                                          <p:attrName>ppt_x</p:attrName>
                                        </p:attrNameLst>
                                      </p:cBhvr>
                                      <p:tavLst>
                                        <p:tav tm="0">
                                          <p:val>
                                            <p:strVal val="#ppt_x"/>
                                          </p:val>
                                        </p:tav>
                                        <p:tav tm="100000">
                                          <p:val>
                                            <p:strVal val="#ppt_x"/>
                                          </p:val>
                                        </p:tav>
                                      </p:tavLst>
                                    </p:anim>
                                    <p:anim calcmode="lin" valueType="num">
                                      <p:cBhvr>
                                        <p:cTn id="33" dur="500" fill="hold"/>
                                        <p:tgtEl>
                                          <p:spTgt spid="28"/>
                                        </p:tgtEl>
                                        <p:attrNameLst>
                                          <p:attrName>ppt_y</p:attrName>
                                        </p:attrNameLst>
                                      </p:cBhvr>
                                      <p:tavLst>
                                        <p:tav tm="0">
                                          <p:val>
                                            <p:strVal val="#ppt_y-.1"/>
                                          </p:val>
                                        </p:tav>
                                        <p:tav tm="100000">
                                          <p:val>
                                            <p:strVal val="#ppt_y"/>
                                          </p:val>
                                        </p:tav>
                                      </p:tavLst>
                                    </p:anim>
                                  </p:childTnLst>
                                </p:cTn>
                              </p:par>
                            </p:childTnLst>
                          </p:cTn>
                        </p:par>
                        <p:par>
                          <p:cTn id="34" fill="hold">
                            <p:stCondLst>
                              <p:cond delay="2500"/>
                            </p:stCondLst>
                            <p:childTnLst>
                              <p:par>
                                <p:cTn id="35" presetID="47" presetClass="entr" presetSubtype="0" fill="hold" nodeType="afterEffect">
                                  <p:stCondLst>
                                    <p:cond delay="0"/>
                                  </p:stCondLst>
                                  <p:childTnLst>
                                    <p:set>
                                      <p:cBhvr>
                                        <p:cTn id="36" dur="1" fill="hold">
                                          <p:stCondLst>
                                            <p:cond delay="0"/>
                                          </p:stCondLst>
                                        </p:cTn>
                                        <p:tgtEl>
                                          <p:spTgt spid="31"/>
                                        </p:tgtEl>
                                        <p:attrNameLst>
                                          <p:attrName>style.visibility</p:attrName>
                                        </p:attrNameLst>
                                      </p:cBhvr>
                                      <p:to>
                                        <p:strVal val="visible"/>
                                      </p:to>
                                    </p:set>
                                    <p:animEffect transition="in" filter="fade">
                                      <p:cBhvr>
                                        <p:cTn id="37" dur="500"/>
                                        <p:tgtEl>
                                          <p:spTgt spid="31"/>
                                        </p:tgtEl>
                                      </p:cBhvr>
                                    </p:animEffect>
                                    <p:anim calcmode="lin" valueType="num">
                                      <p:cBhvr>
                                        <p:cTn id="38" dur="500" fill="hold"/>
                                        <p:tgtEl>
                                          <p:spTgt spid="31"/>
                                        </p:tgtEl>
                                        <p:attrNameLst>
                                          <p:attrName>ppt_x</p:attrName>
                                        </p:attrNameLst>
                                      </p:cBhvr>
                                      <p:tavLst>
                                        <p:tav tm="0">
                                          <p:val>
                                            <p:strVal val="#ppt_x"/>
                                          </p:val>
                                        </p:tav>
                                        <p:tav tm="100000">
                                          <p:val>
                                            <p:strVal val="#ppt_x"/>
                                          </p:val>
                                        </p:tav>
                                      </p:tavLst>
                                    </p:anim>
                                    <p:anim calcmode="lin" valueType="num">
                                      <p:cBhvr>
                                        <p:cTn id="39" dur="500" fill="hold"/>
                                        <p:tgtEl>
                                          <p:spTgt spid="31"/>
                                        </p:tgtEl>
                                        <p:attrNameLst>
                                          <p:attrName>ppt_y</p:attrName>
                                        </p:attrNameLst>
                                      </p:cBhvr>
                                      <p:tavLst>
                                        <p:tav tm="0">
                                          <p:val>
                                            <p:strVal val="#ppt_y-.1"/>
                                          </p:val>
                                        </p:tav>
                                        <p:tav tm="100000">
                                          <p:val>
                                            <p:strVal val="#ppt_y"/>
                                          </p:val>
                                        </p:tav>
                                      </p:tavLst>
                                    </p:anim>
                                  </p:childTnLst>
                                </p:cTn>
                              </p:par>
                            </p:childTnLst>
                          </p:cTn>
                        </p:par>
                        <p:par>
                          <p:cTn id="40" fill="hold">
                            <p:stCondLst>
                              <p:cond delay="3000"/>
                            </p:stCondLst>
                            <p:childTnLst>
                              <p:par>
                                <p:cTn id="41" presetID="47" presetClass="entr" presetSubtype="0" fill="hold" nodeType="afterEffect">
                                  <p:stCondLst>
                                    <p:cond delay="0"/>
                                  </p:stCondLst>
                                  <p:childTnLst>
                                    <p:set>
                                      <p:cBhvr>
                                        <p:cTn id="42" dur="1" fill="hold">
                                          <p:stCondLst>
                                            <p:cond delay="0"/>
                                          </p:stCondLst>
                                        </p:cTn>
                                        <p:tgtEl>
                                          <p:spTgt spid="10"/>
                                        </p:tgtEl>
                                        <p:attrNameLst>
                                          <p:attrName>style.visibility</p:attrName>
                                        </p:attrNameLst>
                                      </p:cBhvr>
                                      <p:to>
                                        <p:strVal val="visible"/>
                                      </p:to>
                                    </p:set>
                                    <p:animEffect transition="in" filter="fade">
                                      <p:cBhvr>
                                        <p:cTn id="43" dur="500"/>
                                        <p:tgtEl>
                                          <p:spTgt spid="10"/>
                                        </p:tgtEl>
                                      </p:cBhvr>
                                    </p:animEffect>
                                    <p:anim calcmode="lin" valueType="num">
                                      <p:cBhvr>
                                        <p:cTn id="44" dur="500" fill="hold"/>
                                        <p:tgtEl>
                                          <p:spTgt spid="10"/>
                                        </p:tgtEl>
                                        <p:attrNameLst>
                                          <p:attrName>ppt_x</p:attrName>
                                        </p:attrNameLst>
                                      </p:cBhvr>
                                      <p:tavLst>
                                        <p:tav tm="0">
                                          <p:val>
                                            <p:strVal val="#ppt_x"/>
                                          </p:val>
                                        </p:tav>
                                        <p:tav tm="100000">
                                          <p:val>
                                            <p:strVal val="#ppt_x"/>
                                          </p:val>
                                        </p:tav>
                                      </p:tavLst>
                                    </p:anim>
                                    <p:anim calcmode="lin" valueType="num">
                                      <p:cBhvr>
                                        <p:cTn id="45" dur="500" fill="hold"/>
                                        <p:tgtEl>
                                          <p:spTgt spid="10"/>
                                        </p:tgtEl>
                                        <p:attrNameLst>
                                          <p:attrName>ppt_y</p:attrName>
                                        </p:attrNameLst>
                                      </p:cBhvr>
                                      <p:tavLst>
                                        <p:tav tm="0">
                                          <p:val>
                                            <p:strVal val="#ppt_y-.1"/>
                                          </p:val>
                                        </p:tav>
                                        <p:tav tm="100000">
                                          <p:val>
                                            <p:strVal val="#ppt_y"/>
                                          </p:val>
                                        </p:tav>
                                      </p:tavLst>
                                    </p:anim>
                                  </p:childTnLst>
                                </p:cTn>
                              </p:par>
                            </p:childTnLst>
                          </p:cTn>
                        </p:par>
                      </p:childTnLst>
                    </p:cTn>
                  </p:par>
                  <p:par>
                    <p:cTn id="46" fill="hold">
                      <p:stCondLst>
                        <p:cond delay="indefinite"/>
                      </p:stCondLst>
                      <p:childTnLst>
                        <p:par>
                          <p:cTn id="47" fill="hold">
                            <p:stCondLst>
                              <p:cond delay="0"/>
                            </p:stCondLst>
                            <p:childTnLst>
                              <p:par>
                                <p:cTn id="48" presetID="22" presetClass="entr" presetSubtype="8" repeatCount="2000" fill="hold" nodeType="clickEffect">
                                  <p:stCondLst>
                                    <p:cond delay="0"/>
                                  </p:stCondLst>
                                  <p:childTnLst>
                                    <p:set>
                                      <p:cBhvr>
                                        <p:cTn id="49" dur="1" fill="hold">
                                          <p:stCondLst>
                                            <p:cond delay="0"/>
                                          </p:stCondLst>
                                        </p:cTn>
                                        <p:tgtEl>
                                          <p:spTgt spid="37"/>
                                        </p:tgtEl>
                                        <p:attrNameLst>
                                          <p:attrName>style.visibility</p:attrName>
                                        </p:attrNameLst>
                                      </p:cBhvr>
                                      <p:to>
                                        <p:strVal val="visible"/>
                                      </p:to>
                                    </p:set>
                                    <p:animEffect transition="in" filter="wipe(left)">
                                      <p:cBhvr>
                                        <p:cTn id="50" dur="1500"/>
                                        <p:tgtEl>
                                          <p:spTgt spid="37"/>
                                        </p:tgtEl>
                                      </p:cBhvr>
                                    </p:animEffect>
                                  </p:childTnLst>
                                </p:cTn>
                              </p:par>
                              <p:par>
                                <p:cTn id="51" presetID="22" presetClass="entr" presetSubtype="2" repeatCount="2000" fill="hold" nodeType="withEffect">
                                  <p:stCondLst>
                                    <p:cond delay="0"/>
                                  </p:stCondLst>
                                  <p:childTnLst>
                                    <p:set>
                                      <p:cBhvr>
                                        <p:cTn id="52" dur="1" fill="hold">
                                          <p:stCondLst>
                                            <p:cond delay="0"/>
                                          </p:stCondLst>
                                        </p:cTn>
                                        <p:tgtEl>
                                          <p:spTgt spid="38"/>
                                        </p:tgtEl>
                                        <p:attrNameLst>
                                          <p:attrName>style.visibility</p:attrName>
                                        </p:attrNameLst>
                                      </p:cBhvr>
                                      <p:to>
                                        <p:strVal val="visible"/>
                                      </p:to>
                                    </p:set>
                                    <p:animEffect transition="in" filter="wipe(right)">
                                      <p:cBhvr>
                                        <p:cTn id="53" dur="1500"/>
                                        <p:tgtEl>
                                          <p:spTgt spid="38"/>
                                        </p:tgtEl>
                                      </p:cBhvr>
                                    </p:animEffect>
                                  </p:childTnLst>
                                </p:cTn>
                              </p:par>
                              <p:par>
                                <p:cTn id="54" presetID="22" presetClass="entr" presetSubtype="2" repeatCount="2000" fill="hold" nodeType="withEffect">
                                  <p:stCondLst>
                                    <p:cond delay="0"/>
                                  </p:stCondLst>
                                  <p:childTnLst>
                                    <p:set>
                                      <p:cBhvr>
                                        <p:cTn id="55" dur="1" fill="hold">
                                          <p:stCondLst>
                                            <p:cond delay="0"/>
                                          </p:stCondLst>
                                        </p:cTn>
                                        <p:tgtEl>
                                          <p:spTgt spid="41"/>
                                        </p:tgtEl>
                                        <p:attrNameLst>
                                          <p:attrName>style.visibility</p:attrName>
                                        </p:attrNameLst>
                                      </p:cBhvr>
                                      <p:to>
                                        <p:strVal val="visible"/>
                                      </p:to>
                                    </p:set>
                                    <p:animEffect transition="in" filter="wipe(right)">
                                      <p:cBhvr>
                                        <p:cTn id="56" dur="1500"/>
                                        <p:tgtEl>
                                          <p:spTgt spid="41"/>
                                        </p:tgtEl>
                                      </p:cBhvr>
                                    </p:animEffect>
                                  </p:childTnLst>
                                </p:cTn>
                              </p:par>
                              <p:par>
                                <p:cTn id="57" presetID="22" presetClass="entr" presetSubtype="1" repeatCount="2000" fill="hold" nodeType="withEffect">
                                  <p:stCondLst>
                                    <p:cond delay="0"/>
                                  </p:stCondLst>
                                  <p:childTnLst>
                                    <p:set>
                                      <p:cBhvr>
                                        <p:cTn id="58" dur="1" fill="hold">
                                          <p:stCondLst>
                                            <p:cond delay="0"/>
                                          </p:stCondLst>
                                        </p:cTn>
                                        <p:tgtEl>
                                          <p:spTgt spid="44"/>
                                        </p:tgtEl>
                                        <p:attrNameLst>
                                          <p:attrName>style.visibility</p:attrName>
                                        </p:attrNameLst>
                                      </p:cBhvr>
                                      <p:to>
                                        <p:strVal val="visible"/>
                                      </p:to>
                                    </p:set>
                                    <p:animEffect transition="in" filter="wipe(up)">
                                      <p:cBhvr>
                                        <p:cTn id="59" dur="1500"/>
                                        <p:tgtEl>
                                          <p:spTgt spid="44"/>
                                        </p:tgtEl>
                                      </p:cBhvr>
                                    </p:animEffect>
                                  </p:childTnLst>
                                </p:cTn>
                              </p:par>
                              <p:par>
                                <p:cTn id="60" presetID="22" presetClass="entr" presetSubtype="8" repeatCount="2000" fill="hold" nodeType="withEffect">
                                  <p:stCondLst>
                                    <p:cond delay="0"/>
                                  </p:stCondLst>
                                  <p:childTnLst>
                                    <p:set>
                                      <p:cBhvr>
                                        <p:cTn id="61" dur="1" fill="hold">
                                          <p:stCondLst>
                                            <p:cond delay="0"/>
                                          </p:stCondLst>
                                        </p:cTn>
                                        <p:tgtEl>
                                          <p:spTgt spid="46"/>
                                        </p:tgtEl>
                                        <p:attrNameLst>
                                          <p:attrName>style.visibility</p:attrName>
                                        </p:attrNameLst>
                                      </p:cBhvr>
                                      <p:to>
                                        <p:strVal val="visible"/>
                                      </p:to>
                                    </p:set>
                                    <p:animEffect transition="in" filter="wipe(left)">
                                      <p:cBhvr>
                                        <p:cTn id="62" dur="1500"/>
                                        <p:tgtEl>
                                          <p:spTgt spid="46"/>
                                        </p:tgtEl>
                                      </p:cBhvr>
                                    </p:animEffect>
                                  </p:childTnLst>
                                </p:cTn>
                              </p:par>
                              <p:par>
                                <p:cTn id="63" presetID="22" presetClass="entr" presetSubtype="2" repeatCount="2000" fill="hold" nodeType="withEffect">
                                  <p:stCondLst>
                                    <p:cond delay="0"/>
                                  </p:stCondLst>
                                  <p:childTnLst>
                                    <p:set>
                                      <p:cBhvr>
                                        <p:cTn id="64" dur="1" fill="hold">
                                          <p:stCondLst>
                                            <p:cond delay="0"/>
                                          </p:stCondLst>
                                        </p:cTn>
                                        <p:tgtEl>
                                          <p:spTgt spid="48"/>
                                        </p:tgtEl>
                                        <p:attrNameLst>
                                          <p:attrName>style.visibility</p:attrName>
                                        </p:attrNameLst>
                                      </p:cBhvr>
                                      <p:to>
                                        <p:strVal val="visible"/>
                                      </p:to>
                                    </p:set>
                                    <p:animEffect transition="in" filter="wipe(right)">
                                      <p:cBhvr>
                                        <p:cTn id="65" dur="1500"/>
                                        <p:tgtEl>
                                          <p:spTgt spid="48"/>
                                        </p:tgtEl>
                                      </p:cBhvr>
                                    </p:animEffect>
                                  </p:childTnLst>
                                </p:cTn>
                              </p:par>
                              <p:par>
                                <p:cTn id="66" presetID="22" presetClass="entr" presetSubtype="8" repeatCount="2000" fill="hold" nodeType="withEffect">
                                  <p:stCondLst>
                                    <p:cond delay="0"/>
                                  </p:stCondLst>
                                  <p:childTnLst>
                                    <p:set>
                                      <p:cBhvr>
                                        <p:cTn id="67" dur="1" fill="hold">
                                          <p:stCondLst>
                                            <p:cond delay="0"/>
                                          </p:stCondLst>
                                        </p:cTn>
                                        <p:tgtEl>
                                          <p:spTgt spid="51"/>
                                        </p:tgtEl>
                                        <p:attrNameLst>
                                          <p:attrName>style.visibility</p:attrName>
                                        </p:attrNameLst>
                                      </p:cBhvr>
                                      <p:to>
                                        <p:strVal val="visible"/>
                                      </p:to>
                                    </p:set>
                                    <p:animEffect transition="in" filter="wipe(left)">
                                      <p:cBhvr>
                                        <p:cTn id="68" dur="1500"/>
                                        <p:tgtEl>
                                          <p:spTgt spid="51"/>
                                        </p:tgtEl>
                                      </p:cBhvr>
                                    </p:animEffect>
                                  </p:childTnLst>
                                </p:cTn>
                              </p:par>
                            </p:childTnLst>
                          </p:cTn>
                        </p:par>
                      </p:childTnLst>
                    </p:cTn>
                  </p:par>
                  <p:par>
                    <p:cTn id="69" fill="hold">
                      <p:stCondLst>
                        <p:cond delay="indefinite"/>
                      </p:stCondLst>
                      <p:childTnLst>
                        <p:par>
                          <p:cTn id="70" fill="hold">
                            <p:stCondLst>
                              <p:cond delay="0"/>
                            </p:stCondLst>
                            <p:childTnLst>
                              <p:par>
                                <p:cTn id="71" presetID="22" presetClass="entr" presetSubtype="1" fill="hold" nodeType="clickEffect">
                                  <p:stCondLst>
                                    <p:cond delay="0"/>
                                  </p:stCondLst>
                                  <p:childTnLst>
                                    <p:set>
                                      <p:cBhvr>
                                        <p:cTn id="72" dur="1" fill="hold">
                                          <p:stCondLst>
                                            <p:cond delay="0"/>
                                          </p:stCondLst>
                                        </p:cTn>
                                        <p:tgtEl>
                                          <p:spTgt spid="64"/>
                                        </p:tgtEl>
                                        <p:attrNameLst>
                                          <p:attrName>style.visibility</p:attrName>
                                        </p:attrNameLst>
                                      </p:cBhvr>
                                      <p:to>
                                        <p:strVal val="visible"/>
                                      </p:to>
                                    </p:set>
                                    <p:animEffect transition="in" filter="wipe(up)">
                                      <p:cBhvr>
                                        <p:cTn id="73" dur="500"/>
                                        <p:tgtEl>
                                          <p:spTgt spid="64"/>
                                        </p:tgtEl>
                                      </p:cBhvr>
                                    </p:animEffect>
                                  </p:childTnLst>
                                </p:cTn>
                              </p:par>
                              <p:par>
                                <p:cTn id="74" presetID="22" presetClass="entr" presetSubtype="1" fill="hold" nodeType="withEffect">
                                  <p:stCondLst>
                                    <p:cond delay="0"/>
                                  </p:stCondLst>
                                  <p:childTnLst>
                                    <p:set>
                                      <p:cBhvr>
                                        <p:cTn id="75" dur="1" fill="hold">
                                          <p:stCondLst>
                                            <p:cond delay="0"/>
                                          </p:stCondLst>
                                        </p:cTn>
                                        <p:tgtEl>
                                          <p:spTgt spid="67"/>
                                        </p:tgtEl>
                                        <p:attrNameLst>
                                          <p:attrName>style.visibility</p:attrName>
                                        </p:attrNameLst>
                                      </p:cBhvr>
                                      <p:to>
                                        <p:strVal val="visible"/>
                                      </p:to>
                                    </p:set>
                                    <p:animEffect transition="in" filter="wipe(up)">
                                      <p:cBhvr>
                                        <p:cTn id="76" dur="500"/>
                                        <p:tgtEl>
                                          <p:spTgt spid="67"/>
                                        </p:tgtEl>
                                      </p:cBhvr>
                                    </p:animEffect>
                                  </p:childTnLst>
                                </p:cTn>
                              </p:par>
                              <p:par>
                                <p:cTn id="77" presetID="22" presetClass="entr" presetSubtype="1" fill="hold" nodeType="withEffect">
                                  <p:stCondLst>
                                    <p:cond delay="0"/>
                                  </p:stCondLst>
                                  <p:childTnLst>
                                    <p:set>
                                      <p:cBhvr>
                                        <p:cTn id="78" dur="1" fill="hold">
                                          <p:stCondLst>
                                            <p:cond delay="0"/>
                                          </p:stCondLst>
                                        </p:cTn>
                                        <p:tgtEl>
                                          <p:spTgt spid="70"/>
                                        </p:tgtEl>
                                        <p:attrNameLst>
                                          <p:attrName>style.visibility</p:attrName>
                                        </p:attrNameLst>
                                      </p:cBhvr>
                                      <p:to>
                                        <p:strVal val="visible"/>
                                      </p:to>
                                    </p:set>
                                    <p:animEffect transition="in" filter="wipe(up)">
                                      <p:cBhvr>
                                        <p:cTn id="79" dur="500"/>
                                        <p:tgtEl>
                                          <p:spTgt spid="70"/>
                                        </p:tgtEl>
                                      </p:cBhvr>
                                    </p:animEffect>
                                  </p:childTnLst>
                                </p:cTn>
                              </p:par>
                            </p:childTnLst>
                          </p:cTn>
                        </p:par>
                      </p:childTnLst>
                    </p:cTn>
                  </p:par>
                  <p:par>
                    <p:cTn id="80" fill="hold">
                      <p:stCondLst>
                        <p:cond delay="indefinite"/>
                      </p:stCondLst>
                      <p:childTnLst>
                        <p:par>
                          <p:cTn id="81" fill="hold">
                            <p:stCondLst>
                              <p:cond delay="0"/>
                            </p:stCondLst>
                            <p:childTnLst>
                              <p:par>
                                <p:cTn id="82" presetID="10" presetClass="entr" presetSubtype="0" fill="hold" nodeType="clickEffect">
                                  <p:stCondLst>
                                    <p:cond delay="0"/>
                                  </p:stCondLst>
                                  <p:childTnLst>
                                    <p:set>
                                      <p:cBhvr>
                                        <p:cTn id="83" dur="1" fill="hold">
                                          <p:stCondLst>
                                            <p:cond delay="0"/>
                                          </p:stCondLst>
                                        </p:cTn>
                                        <p:tgtEl>
                                          <p:spTgt spid="59"/>
                                        </p:tgtEl>
                                        <p:attrNameLst>
                                          <p:attrName>style.visibility</p:attrName>
                                        </p:attrNameLst>
                                      </p:cBhvr>
                                      <p:to>
                                        <p:strVal val="visible"/>
                                      </p:to>
                                    </p:set>
                                    <p:animEffect transition="in" filter="fade">
                                      <p:cBhvr>
                                        <p:cTn id="84" dur="500"/>
                                        <p:tgtEl>
                                          <p:spTgt spid="59"/>
                                        </p:tgtEl>
                                      </p:cBhvr>
                                    </p:animEffect>
                                  </p:childTnLst>
                                </p:cTn>
                              </p:par>
                            </p:childTnLst>
                          </p:cTn>
                        </p:par>
                      </p:childTnLst>
                    </p:cTn>
                  </p:par>
                  <p:par>
                    <p:cTn id="85" fill="hold">
                      <p:stCondLst>
                        <p:cond delay="indefinite"/>
                      </p:stCondLst>
                      <p:childTnLst>
                        <p:par>
                          <p:cTn id="86" fill="hold">
                            <p:stCondLst>
                              <p:cond delay="0"/>
                            </p:stCondLst>
                            <p:childTnLst>
                              <p:par>
                                <p:cTn id="87" presetID="10" presetClass="entr" presetSubtype="0" fill="hold" nodeType="clickEffect">
                                  <p:stCondLst>
                                    <p:cond delay="0"/>
                                  </p:stCondLst>
                                  <p:childTnLst>
                                    <p:set>
                                      <p:cBhvr>
                                        <p:cTn id="88" dur="1" fill="hold">
                                          <p:stCondLst>
                                            <p:cond delay="0"/>
                                          </p:stCondLst>
                                        </p:cTn>
                                        <p:tgtEl>
                                          <p:spTgt spid="61"/>
                                        </p:tgtEl>
                                        <p:attrNameLst>
                                          <p:attrName>style.visibility</p:attrName>
                                        </p:attrNameLst>
                                      </p:cBhvr>
                                      <p:to>
                                        <p:strVal val="visible"/>
                                      </p:to>
                                    </p:set>
                                    <p:animEffect transition="in" filter="fade">
                                      <p:cBhvr>
                                        <p:cTn id="89" dur="500"/>
                                        <p:tgtEl>
                                          <p:spTgt spid="61"/>
                                        </p:tgtEl>
                                      </p:cBhvr>
                                    </p:animEffect>
                                  </p:childTnLst>
                                </p:cTn>
                              </p:par>
                            </p:childTnLst>
                          </p:cTn>
                        </p:par>
                      </p:childTnLst>
                    </p:cTn>
                  </p:par>
                  <p:par>
                    <p:cTn id="90" fill="hold">
                      <p:stCondLst>
                        <p:cond delay="indefinite"/>
                      </p:stCondLst>
                      <p:childTnLst>
                        <p:par>
                          <p:cTn id="91" fill="hold">
                            <p:stCondLst>
                              <p:cond delay="0"/>
                            </p:stCondLst>
                            <p:childTnLst>
                              <p:par>
                                <p:cTn id="92" presetID="10" presetClass="entr" presetSubtype="0" fill="hold" nodeType="clickEffect">
                                  <p:stCondLst>
                                    <p:cond delay="0"/>
                                  </p:stCondLst>
                                  <p:childTnLst>
                                    <p:set>
                                      <p:cBhvr>
                                        <p:cTn id="93" dur="1" fill="hold">
                                          <p:stCondLst>
                                            <p:cond delay="0"/>
                                          </p:stCondLst>
                                        </p:cTn>
                                        <p:tgtEl>
                                          <p:spTgt spid="60"/>
                                        </p:tgtEl>
                                        <p:attrNameLst>
                                          <p:attrName>style.visibility</p:attrName>
                                        </p:attrNameLst>
                                      </p:cBhvr>
                                      <p:to>
                                        <p:strVal val="visible"/>
                                      </p:to>
                                    </p:set>
                                    <p:animEffect transition="in" filter="fade">
                                      <p:cBhvr>
                                        <p:cTn id="94" dur="500"/>
                                        <p:tgtEl>
                                          <p:spTgt spid="6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wrap="square" rtlCol="0">
              <a:spAutoFit/>
            </a:bodyPr>
            <a:lstStyle/>
            <a:p>
              <a:pPr algn="ctr">
                <a:buClr>
                  <a:srgbClr val="008CCF"/>
                </a:buClr>
              </a:pPr>
              <a:r>
                <a:rPr lang="es-ES" sz="2400"/>
                <a:t>Data element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wrap="square" rtlCol="0">
              <a:spAutoFit/>
            </a:bodyPr>
            <a:lstStyle/>
            <a:p>
              <a:pPr algn="ctr">
                <a:buClr>
                  <a:srgbClr val="008CCF"/>
                </a:buClr>
              </a:pPr>
              <a:r>
                <a:rPr lang="es-ES" sz="2400"/>
                <a:t>Organisation units</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wrap="square" rtlCol="0">
              <a:spAutoFit/>
            </a:bodyPr>
            <a:lstStyle/>
            <a:p>
              <a:pPr algn="ctr">
                <a:buClr>
                  <a:srgbClr val="008CCF"/>
                </a:buClr>
              </a:pPr>
              <a:r>
                <a:rPr lang="es-ES" sz="2400"/>
                <a:t>Period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wrap="square" rtlCol="0">
            <a:spAutoFit/>
          </a:bodyPr>
          <a:lstStyle/>
          <a:p>
            <a:pPr marL="342900" indent="-342900" algn="l">
              <a:buClr>
                <a:srgbClr val="008CCF"/>
              </a:buClr>
              <a:buFont typeface="Rubik" pitchFamily="2" charset="-79"/>
              <a:buChar char="•"/>
            </a:pPr>
            <a:r>
              <a:rPr lang="es-ES" sz="2400"/>
              <a:t>The system must be customized based on the needs of each specific implementation</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spd="slow" advTm="17982">
        <p159:morph option="byObject"/>
      </p:transition>
    </mc:Choice>
    <mc:Fallback xmlns="">
      <p:transition spd="slow" advTm="1798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fade">
                                      <p:cBhvr>
                                        <p:cTn id="7"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name="connsiteX0" fmla="*/ 689613 w 689612"/>
                <a:gd name="connsiteY0" fmla="*/ 1123985 h 1123984"/>
                <a:gd name="connsiteX1" fmla="*/ 689613 w 689612"/>
                <a:gd name="connsiteY1" fmla="*/ 344806 h 1123984"/>
                <a:gd name="connsiteX2" fmla="*/ 344806 w 689612"/>
                <a:gd name="connsiteY2" fmla="*/ 0 h 1123984"/>
                <a:gd name="connsiteX3" fmla="*/ 0 w 689612"/>
                <a:gd name="connsiteY3" fmla="*/ 344806 h 1123984"/>
                <a:gd name="connsiteX4" fmla="*/ 0 w 689612"/>
                <a:gd name="connsiteY4" fmla="*/ 1099243 h 1123984"/>
                <a:gd name="connsiteX5" fmla="*/ 332268 w 689612"/>
                <a:gd name="connsiteY5" fmla="*/ 969637 h 1123984"/>
                <a:gd name="connsiteX6" fmla="*/ 689613 w 689612"/>
                <a:gd name="connsiteY6" fmla="*/ 1123985 h 1123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23984">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w="4170"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name="connsiteX0" fmla="*/ 689613 w 689612"/>
                <a:gd name="connsiteY0" fmla="*/ 555284 h 555284"/>
                <a:gd name="connsiteX1" fmla="*/ 689613 w 689612"/>
                <a:gd name="connsiteY1" fmla="*/ 344806 h 555284"/>
                <a:gd name="connsiteX2" fmla="*/ 344806 w 689612"/>
                <a:gd name="connsiteY2" fmla="*/ 0 h 555284"/>
                <a:gd name="connsiteX3" fmla="*/ 0 w 689612"/>
                <a:gd name="connsiteY3" fmla="*/ 344806 h 555284"/>
                <a:gd name="connsiteX4" fmla="*/ 0 w 689612"/>
                <a:gd name="connsiteY4" fmla="*/ 555284 h 555284"/>
                <a:gd name="connsiteX5" fmla="*/ 344806 w 689612"/>
                <a:gd name="connsiteY5" fmla="*/ 413768 h 555284"/>
                <a:gd name="connsiteX6" fmla="*/ 689613 w 689612"/>
                <a:gd name="connsiteY6" fmla="*/ 555284 h 5552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555284">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w="4170" cap="flat">
              <a:noFill/>
              <a:prstDash val="solid"/>
              <a:miter/>
            </a:ln>
          </p:spPr>
          <p:txBody>
            <a:bodyPr rtlCol="0" anchor="ctr"/>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name="connsiteX0" fmla="*/ 0 w 689612"/>
                <a:gd name="connsiteY0" fmla="*/ 0 h 1658664"/>
                <a:gd name="connsiteX1" fmla="*/ 0 w 689612"/>
                <a:gd name="connsiteY1" fmla="*/ 1313858 h 1658664"/>
                <a:gd name="connsiteX2" fmla="*/ 344806 w 689612"/>
                <a:gd name="connsiteY2" fmla="*/ 1658665 h 1658664"/>
                <a:gd name="connsiteX3" fmla="*/ 689613 w 689612"/>
                <a:gd name="connsiteY3" fmla="*/ 1313858 h 1658664"/>
                <a:gd name="connsiteX4" fmla="*/ 689613 w 689612"/>
                <a:gd name="connsiteY4" fmla="*/ 0 h 1658664"/>
                <a:gd name="connsiteX5" fmla="*/ 344806 w 689612"/>
                <a:gd name="connsiteY5" fmla="*/ 141517 h 1658664"/>
                <a:gd name="connsiteX6" fmla="*/ 0 w 689612"/>
                <a:gd name="connsiteY6" fmla="*/ 0 h 1658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658664">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w="4170" cap="flat">
              <a:noFill/>
              <a:prstDash val="solid"/>
              <a:miter/>
            </a:ln>
          </p:spPr>
          <p:txBody>
            <a:bodyPr rtlCol="0" anchor="ctr"/>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name="connsiteX0" fmla="*/ 778761 w 898586"/>
                <a:gd name="connsiteY0" fmla="*/ 143899 h 898586"/>
                <a:gd name="connsiteX1" fmla="*/ 449293 w 898586"/>
                <a:gd name="connsiteY1" fmla="*/ 0 h 898586"/>
                <a:gd name="connsiteX2" fmla="*/ 119825 w 898586"/>
                <a:gd name="connsiteY2" fmla="*/ 143899 h 898586"/>
                <a:gd name="connsiteX3" fmla="*/ 0 w 898586"/>
                <a:gd name="connsiteY3" fmla="*/ 449293 h 898586"/>
                <a:gd name="connsiteX4" fmla="*/ 119825 w 898586"/>
                <a:gd name="connsiteY4" fmla="*/ 754687 h 898586"/>
                <a:gd name="connsiteX5" fmla="*/ 449293 w 898586"/>
                <a:gd name="connsiteY5" fmla="*/ 898586 h 898586"/>
                <a:gd name="connsiteX6" fmla="*/ 778761 w 898586"/>
                <a:gd name="connsiteY6" fmla="*/ 754687 h 898586"/>
                <a:gd name="connsiteX7" fmla="*/ 898586 w 898586"/>
                <a:gd name="connsiteY7" fmla="*/ 449293 h 898586"/>
                <a:gd name="connsiteX8" fmla="*/ 778761 w 898586"/>
                <a:gd name="connsiteY8" fmla="*/ 143899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98586" h="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w="4170" cap="flat">
              <a:noFill/>
              <a:prstDash val="solid"/>
              <a:miter/>
            </a:ln>
          </p:spPr>
          <p:txBody>
            <a:bodyPr rtlCol="0" anchor="ctr"/>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name="connsiteX0" fmla="*/ 898586 w 898586"/>
                <a:gd name="connsiteY0" fmla="*/ 449293 h 898586"/>
                <a:gd name="connsiteX1" fmla="*/ 778761 w 898586"/>
                <a:gd name="connsiteY1" fmla="*/ 143899 h 898586"/>
                <a:gd name="connsiteX2" fmla="*/ 449293 w 898586"/>
                <a:gd name="connsiteY2" fmla="*/ 0 h 898586"/>
                <a:gd name="connsiteX3" fmla="*/ 119825 w 898586"/>
                <a:gd name="connsiteY3" fmla="*/ 143899 h 898586"/>
                <a:gd name="connsiteX4" fmla="*/ 0 w 898586"/>
                <a:gd name="connsiteY4" fmla="*/ 449293 h 898586"/>
                <a:gd name="connsiteX5" fmla="*/ 119825 w 898586"/>
                <a:gd name="connsiteY5" fmla="*/ 754687 h 898586"/>
                <a:gd name="connsiteX6" fmla="*/ 449293 w 898586"/>
                <a:gd name="connsiteY6" fmla="*/ 898586 h 898586"/>
                <a:gd name="connsiteX7" fmla="*/ 778761 w 898586"/>
                <a:gd name="connsiteY7" fmla="*/ 754687 h 898586"/>
                <a:gd name="connsiteX8" fmla="*/ 898586 w 898586"/>
                <a:gd name="connsiteY8" fmla="*/ 449293 h 898586"/>
                <a:gd name="connsiteX9" fmla="*/ 450129 w 898586"/>
                <a:gd name="connsiteY9" fmla="*/ 681170 h 898586"/>
                <a:gd name="connsiteX10" fmla="*/ 218252 w 898586"/>
                <a:gd name="connsiteY10" fmla="*/ 449293 h 898586"/>
                <a:gd name="connsiteX11" fmla="*/ 450129 w 898586"/>
                <a:gd name="connsiteY11" fmla="*/ 217416 h 898586"/>
                <a:gd name="connsiteX12" fmla="*/ 682006 w 898586"/>
                <a:gd name="connsiteY12" fmla="*/ 449293 h 898586"/>
                <a:gd name="connsiteX13" fmla="*/ 450129 w 898586"/>
                <a:gd name="connsiteY13" fmla="*/ 681170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98586" h="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w="4170"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name="connsiteX0" fmla="*/ 0 w 689612"/>
                <a:gd name="connsiteY0" fmla="*/ 0 h 668130"/>
                <a:gd name="connsiteX1" fmla="*/ 0 w 689612"/>
                <a:gd name="connsiteY1" fmla="*/ 323324 h 668130"/>
                <a:gd name="connsiteX2" fmla="*/ 344806 w 689612"/>
                <a:gd name="connsiteY2" fmla="*/ 668130 h 668130"/>
                <a:gd name="connsiteX3" fmla="*/ 689613 w 689612"/>
                <a:gd name="connsiteY3" fmla="*/ 323324 h 668130"/>
                <a:gd name="connsiteX4" fmla="*/ 689613 w 689612"/>
                <a:gd name="connsiteY4" fmla="*/ 0 h 668130"/>
                <a:gd name="connsiteX5" fmla="*/ 344806 w 689612"/>
                <a:gd name="connsiteY5" fmla="*/ 141517 h 668130"/>
                <a:gd name="connsiteX6" fmla="*/ 0 w 689612"/>
                <a:gd name="connsiteY6" fmla="*/ 0 h 6681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668130">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w="4170" cap="flat">
              <a:noFill/>
              <a:prstDash val="solid"/>
              <a:miter/>
            </a:ln>
          </p:spPr>
          <p:txBody>
            <a:bodyPr rtlCol="0" anchor="ctr"/>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w="4170" cap="flat">
              <a:noFill/>
              <a:prstDash val="solid"/>
              <a:miter/>
            </a:ln>
          </p:spPr>
          <p:txBody>
            <a:bodyPr rtlCol="0" anchor="ctr"/>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wrap="square" rtlCol="0">
              <a:spAutoFit/>
            </a:bodyPr>
            <a:lstStyle/>
            <a:p>
              <a:pPr algn="ctr">
                <a:buClr>
                  <a:srgbClr val="008CCF"/>
                </a:buClr>
              </a:pPr>
              <a:r>
                <a:rPr lang="es-ES" sz="2400"/>
                <a:t>Data element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wrap="square" rtlCol="0">
              <a:spAutoFit/>
            </a:bodyPr>
            <a:lstStyle/>
            <a:p>
              <a:pPr algn="ctr">
                <a:buClr>
                  <a:srgbClr val="008CCF"/>
                </a:buClr>
              </a:pPr>
              <a:r>
                <a:rPr lang="es-ES" sz="2400"/>
                <a:t>Organisation units</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wrap="square" rtlCol="0">
              <a:spAutoFit/>
            </a:bodyPr>
            <a:lstStyle/>
            <a:p>
              <a:pPr algn="ctr">
                <a:buClr>
                  <a:srgbClr val="008CCF"/>
                </a:buClr>
              </a:pPr>
              <a:r>
                <a:rPr lang="es-ES" sz="2400"/>
                <a:t>Period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spd="slow" p14:dur="2000" advTm="6802"/>
    </mc:Choice>
    <mc:Fallback xmlns="">
      <p:transition spd="slow" advTm="6802"/>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25"/>
                                        </p:tgtEl>
                                      </p:cBhvr>
                                    </p:animEffect>
                                    <p:set>
                                      <p:cBhvr>
                                        <p:cTn id="7" dur="1" fill="hold">
                                          <p:stCondLst>
                                            <p:cond delay="499"/>
                                          </p:stCondLst>
                                        </p:cTn>
                                        <p:tgtEl>
                                          <p:spTgt spid="25"/>
                                        </p:tgtEl>
                                        <p:attrNameLst>
                                          <p:attrName>style.visibility</p:attrName>
                                        </p:attrNameLst>
                                      </p:cBhvr>
                                      <p:to>
                                        <p:strVal val="hidden"/>
                                      </p:to>
                                    </p:se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11"/>
                                        </p:tgtEl>
                                        <p:attrNameLst>
                                          <p:attrName>style.visibility</p:attrName>
                                        </p:attrNameLst>
                                      </p:cBhvr>
                                      <p:to>
                                        <p:strVal val="visible"/>
                                      </p:to>
                                    </p:set>
                                    <p:animEffect transition="in" filter="fade">
                                      <p:cBhvr>
                                        <p:cTn id="11"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name="connsiteX0" fmla="*/ 689613 w 689612"/>
                <a:gd name="connsiteY0" fmla="*/ 1123985 h 1123984"/>
                <a:gd name="connsiteX1" fmla="*/ 689613 w 689612"/>
                <a:gd name="connsiteY1" fmla="*/ 344806 h 1123984"/>
                <a:gd name="connsiteX2" fmla="*/ 344806 w 689612"/>
                <a:gd name="connsiteY2" fmla="*/ 0 h 1123984"/>
                <a:gd name="connsiteX3" fmla="*/ 0 w 689612"/>
                <a:gd name="connsiteY3" fmla="*/ 344806 h 1123984"/>
                <a:gd name="connsiteX4" fmla="*/ 0 w 689612"/>
                <a:gd name="connsiteY4" fmla="*/ 1099243 h 1123984"/>
                <a:gd name="connsiteX5" fmla="*/ 332268 w 689612"/>
                <a:gd name="connsiteY5" fmla="*/ 969637 h 1123984"/>
                <a:gd name="connsiteX6" fmla="*/ 689613 w 689612"/>
                <a:gd name="connsiteY6" fmla="*/ 1123985 h 1123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23984">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w="4170"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name="connsiteX0" fmla="*/ 689613 w 689612"/>
                <a:gd name="connsiteY0" fmla="*/ 555284 h 555284"/>
                <a:gd name="connsiteX1" fmla="*/ 689613 w 689612"/>
                <a:gd name="connsiteY1" fmla="*/ 344806 h 555284"/>
                <a:gd name="connsiteX2" fmla="*/ 344806 w 689612"/>
                <a:gd name="connsiteY2" fmla="*/ 0 h 555284"/>
                <a:gd name="connsiteX3" fmla="*/ 0 w 689612"/>
                <a:gd name="connsiteY3" fmla="*/ 344806 h 555284"/>
                <a:gd name="connsiteX4" fmla="*/ 0 w 689612"/>
                <a:gd name="connsiteY4" fmla="*/ 555284 h 555284"/>
                <a:gd name="connsiteX5" fmla="*/ 344806 w 689612"/>
                <a:gd name="connsiteY5" fmla="*/ 413768 h 555284"/>
                <a:gd name="connsiteX6" fmla="*/ 689613 w 689612"/>
                <a:gd name="connsiteY6" fmla="*/ 555284 h 5552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555284">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w="4170" cap="flat">
              <a:noFill/>
              <a:prstDash val="solid"/>
              <a:miter/>
            </a:ln>
          </p:spPr>
          <p:txBody>
            <a:bodyPr rtlCol="0" anchor="ctr"/>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name="connsiteX0" fmla="*/ 0 w 689612"/>
                <a:gd name="connsiteY0" fmla="*/ 0 h 1658664"/>
                <a:gd name="connsiteX1" fmla="*/ 0 w 689612"/>
                <a:gd name="connsiteY1" fmla="*/ 1313858 h 1658664"/>
                <a:gd name="connsiteX2" fmla="*/ 344806 w 689612"/>
                <a:gd name="connsiteY2" fmla="*/ 1658665 h 1658664"/>
                <a:gd name="connsiteX3" fmla="*/ 689613 w 689612"/>
                <a:gd name="connsiteY3" fmla="*/ 1313858 h 1658664"/>
                <a:gd name="connsiteX4" fmla="*/ 689613 w 689612"/>
                <a:gd name="connsiteY4" fmla="*/ 0 h 1658664"/>
                <a:gd name="connsiteX5" fmla="*/ 344806 w 689612"/>
                <a:gd name="connsiteY5" fmla="*/ 141517 h 1658664"/>
                <a:gd name="connsiteX6" fmla="*/ 0 w 689612"/>
                <a:gd name="connsiteY6" fmla="*/ 0 h 1658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658664">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w="4170" cap="flat">
              <a:noFill/>
              <a:prstDash val="solid"/>
              <a:miter/>
            </a:ln>
          </p:spPr>
          <p:txBody>
            <a:bodyPr rtlCol="0" anchor="ctr"/>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name="connsiteX0" fmla="*/ 778761 w 898586"/>
                <a:gd name="connsiteY0" fmla="*/ 143899 h 898586"/>
                <a:gd name="connsiteX1" fmla="*/ 449293 w 898586"/>
                <a:gd name="connsiteY1" fmla="*/ 0 h 898586"/>
                <a:gd name="connsiteX2" fmla="*/ 119825 w 898586"/>
                <a:gd name="connsiteY2" fmla="*/ 143899 h 898586"/>
                <a:gd name="connsiteX3" fmla="*/ 0 w 898586"/>
                <a:gd name="connsiteY3" fmla="*/ 449293 h 898586"/>
                <a:gd name="connsiteX4" fmla="*/ 119825 w 898586"/>
                <a:gd name="connsiteY4" fmla="*/ 754687 h 898586"/>
                <a:gd name="connsiteX5" fmla="*/ 449293 w 898586"/>
                <a:gd name="connsiteY5" fmla="*/ 898586 h 898586"/>
                <a:gd name="connsiteX6" fmla="*/ 778761 w 898586"/>
                <a:gd name="connsiteY6" fmla="*/ 754687 h 898586"/>
                <a:gd name="connsiteX7" fmla="*/ 898586 w 898586"/>
                <a:gd name="connsiteY7" fmla="*/ 449293 h 898586"/>
                <a:gd name="connsiteX8" fmla="*/ 778761 w 898586"/>
                <a:gd name="connsiteY8" fmla="*/ 143899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98586" h="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w="4170" cap="flat">
              <a:noFill/>
              <a:prstDash val="solid"/>
              <a:miter/>
            </a:ln>
          </p:spPr>
          <p:txBody>
            <a:bodyPr rtlCol="0" anchor="ctr"/>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name="connsiteX0" fmla="*/ 898586 w 898586"/>
                <a:gd name="connsiteY0" fmla="*/ 449293 h 898586"/>
                <a:gd name="connsiteX1" fmla="*/ 778761 w 898586"/>
                <a:gd name="connsiteY1" fmla="*/ 143899 h 898586"/>
                <a:gd name="connsiteX2" fmla="*/ 449293 w 898586"/>
                <a:gd name="connsiteY2" fmla="*/ 0 h 898586"/>
                <a:gd name="connsiteX3" fmla="*/ 119825 w 898586"/>
                <a:gd name="connsiteY3" fmla="*/ 143899 h 898586"/>
                <a:gd name="connsiteX4" fmla="*/ 0 w 898586"/>
                <a:gd name="connsiteY4" fmla="*/ 449293 h 898586"/>
                <a:gd name="connsiteX5" fmla="*/ 119825 w 898586"/>
                <a:gd name="connsiteY5" fmla="*/ 754687 h 898586"/>
                <a:gd name="connsiteX6" fmla="*/ 449293 w 898586"/>
                <a:gd name="connsiteY6" fmla="*/ 898586 h 898586"/>
                <a:gd name="connsiteX7" fmla="*/ 778761 w 898586"/>
                <a:gd name="connsiteY7" fmla="*/ 754687 h 898586"/>
                <a:gd name="connsiteX8" fmla="*/ 898586 w 898586"/>
                <a:gd name="connsiteY8" fmla="*/ 449293 h 898586"/>
                <a:gd name="connsiteX9" fmla="*/ 450129 w 898586"/>
                <a:gd name="connsiteY9" fmla="*/ 681170 h 898586"/>
                <a:gd name="connsiteX10" fmla="*/ 218252 w 898586"/>
                <a:gd name="connsiteY10" fmla="*/ 449293 h 898586"/>
                <a:gd name="connsiteX11" fmla="*/ 450129 w 898586"/>
                <a:gd name="connsiteY11" fmla="*/ 217416 h 898586"/>
                <a:gd name="connsiteX12" fmla="*/ 682006 w 898586"/>
                <a:gd name="connsiteY12" fmla="*/ 449293 h 898586"/>
                <a:gd name="connsiteX13" fmla="*/ 450129 w 898586"/>
                <a:gd name="connsiteY13" fmla="*/ 681170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98586" h="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w="4170"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name="connsiteX0" fmla="*/ 0 w 689612"/>
                <a:gd name="connsiteY0" fmla="*/ 0 h 668130"/>
                <a:gd name="connsiteX1" fmla="*/ 0 w 689612"/>
                <a:gd name="connsiteY1" fmla="*/ 323324 h 668130"/>
                <a:gd name="connsiteX2" fmla="*/ 344806 w 689612"/>
                <a:gd name="connsiteY2" fmla="*/ 668130 h 668130"/>
                <a:gd name="connsiteX3" fmla="*/ 689613 w 689612"/>
                <a:gd name="connsiteY3" fmla="*/ 323324 h 668130"/>
                <a:gd name="connsiteX4" fmla="*/ 689613 w 689612"/>
                <a:gd name="connsiteY4" fmla="*/ 0 h 668130"/>
                <a:gd name="connsiteX5" fmla="*/ 344806 w 689612"/>
                <a:gd name="connsiteY5" fmla="*/ 141517 h 668130"/>
                <a:gd name="connsiteX6" fmla="*/ 0 w 689612"/>
                <a:gd name="connsiteY6" fmla="*/ 0 h 6681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668130">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w="4170" cap="flat">
              <a:noFill/>
              <a:prstDash val="solid"/>
              <a:miter/>
            </a:ln>
          </p:spPr>
          <p:txBody>
            <a:bodyPr rtlCol="0" anchor="ctr"/>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w="4170" cap="flat">
              <a:noFill/>
              <a:prstDash val="solid"/>
              <a:miter/>
            </a:ln>
          </p:spPr>
          <p:txBody>
            <a:bodyPr rtlCol="0" anchor="ctr"/>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200"/>
              <a:t>DHIS2 Customization</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wrap="square" rtlCol="0">
            <a:spAutoFit/>
          </a:bodyPr>
          <a:lstStyle/>
          <a:p>
            <a:pPr marL="342900" indent="-342900">
              <a:buClr>
                <a:srgbClr val="008CCF"/>
              </a:buClr>
              <a:buFont typeface="Rubik" pitchFamily="2" charset="-79"/>
              <a:buChar char="•"/>
            </a:pPr>
            <a:r>
              <a:rPr lang="es-ES" sz="2400"/>
              <a:t>An organisation unit hierarchy</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wrap="square" rtlCol="0">
            <a:spAutoFit/>
          </a:bodyPr>
          <a:lstStyle/>
          <a:p>
            <a:pPr marL="342900" indent="-342900">
              <a:buClr>
                <a:srgbClr val="008CCF"/>
              </a:buClr>
              <a:buFont typeface="Rubik" pitchFamily="2" charset="-79"/>
              <a:buChar char="•"/>
            </a:pPr>
            <a:r>
              <a:rPr lang="es-ES" sz="2400"/>
              <a:t>Data element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wrap="square" rtlCol="0">
            <a:spAutoFit/>
          </a:bodyPr>
          <a:lstStyle/>
          <a:p>
            <a:pPr marL="342900" indent="-342900">
              <a:buClr>
                <a:srgbClr val="008CCF"/>
              </a:buClr>
              <a:buFont typeface="Rubik" pitchFamily="2" charset="-79"/>
              <a:buChar char="•"/>
            </a:pPr>
            <a:r>
              <a:rPr lang="es-ES" sz="2400"/>
              <a:t>Indicators </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wrap="square" rtlCol="0">
            <a:spAutoFit/>
          </a:bodyPr>
          <a:lstStyle/>
          <a:p>
            <a:pPr marL="342900" indent="-342900">
              <a:buClr>
                <a:srgbClr val="008CCF"/>
              </a:buClr>
              <a:buFont typeface="Rubik" pitchFamily="2" charset="-79"/>
              <a:buChar char="•"/>
            </a:pPr>
            <a:r>
              <a:rPr lang="es-ES" sz="2400"/>
              <a:t>Data sets &amp; data entry forms </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wrap="square" rtlCol="0">
            <a:spAutoFit/>
          </a:bodyPr>
          <a:lstStyle/>
          <a:p>
            <a:pPr marL="342900" indent="-342900">
              <a:buClr>
                <a:srgbClr val="008CCF"/>
              </a:buClr>
              <a:buFont typeface="Rubik" pitchFamily="2" charset="-79"/>
              <a:buChar char="•"/>
            </a:pPr>
            <a:r>
              <a:rPr lang="es-ES" sz="2400"/>
              <a:t>Users </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wrap="square" rtlCol="0">
            <a:spAutoFit/>
          </a:bodyPr>
          <a:lstStyle/>
          <a:p>
            <a:pPr marL="342900" indent="-342900">
              <a:buClr>
                <a:srgbClr val="008CCF"/>
              </a:buClr>
              <a:buFont typeface="Rubik" pitchFamily="2" charset="-79"/>
              <a:buChar char="•"/>
            </a:pPr>
            <a:r>
              <a:rPr lang="es-ES" sz="2400"/>
              <a:t>User-based access controls </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spd="slow" advTm="22149">
        <p159:morph option="byObject"/>
      </p:transition>
    </mc:Choice>
    <mc:Fallback xmlns="">
      <p:transition spd="slow" advTm="22149">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9"/>
                                        </p:tgtEl>
                                        <p:attrNameLst>
                                          <p:attrName>style.visibility</p:attrName>
                                        </p:attrNameLst>
                                      </p:cBhvr>
                                      <p:to>
                                        <p:strVal val="visible"/>
                                      </p:to>
                                    </p:set>
                                    <p:animEffect transition="in" filter="fade">
                                      <p:cBhvr>
                                        <p:cTn id="7" dur="500"/>
                                        <p:tgtEl>
                                          <p:spTgt spid="69"/>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70"/>
                                        </p:tgtEl>
                                        <p:attrNameLst>
                                          <p:attrName>style.visibility</p:attrName>
                                        </p:attrNameLst>
                                      </p:cBhvr>
                                      <p:to>
                                        <p:strVal val="visible"/>
                                      </p:to>
                                    </p:set>
                                    <p:animEffect transition="in" filter="fade">
                                      <p:cBhvr>
                                        <p:cTn id="12" dur="500"/>
                                        <p:tgtEl>
                                          <p:spTgt spid="70"/>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1"/>
                                        </p:tgtEl>
                                        <p:attrNameLst>
                                          <p:attrName>style.visibility</p:attrName>
                                        </p:attrNameLst>
                                      </p:cBhvr>
                                      <p:to>
                                        <p:strVal val="visible"/>
                                      </p:to>
                                    </p:set>
                                    <p:animEffect transition="in" filter="fade">
                                      <p:cBhvr>
                                        <p:cTn id="17" dur="500"/>
                                        <p:tgtEl>
                                          <p:spTgt spid="71"/>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72"/>
                                        </p:tgtEl>
                                        <p:attrNameLst>
                                          <p:attrName>style.visibility</p:attrName>
                                        </p:attrNameLst>
                                      </p:cBhvr>
                                      <p:to>
                                        <p:strVal val="visible"/>
                                      </p:to>
                                    </p:set>
                                    <p:animEffect transition="in" filter="fade">
                                      <p:cBhvr>
                                        <p:cTn id="22" dur="500"/>
                                        <p:tgtEl>
                                          <p:spTgt spid="72"/>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73"/>
                                        </p:tgtEl>
                                        <p:attrNameLst>
                                          <p:attrName>style.visibility</p:attrName>
                                        </p:attrNameLst>
                                      </p:cBhvr>
                                      <p:to>
                                        <p:strVal val="visible"/>
                                      </p:to>
                                    </p:set>
                                    <p:animEffect transition="in" filter="fade">
                                      <p:cBhvr>
                                        <p:cTn id="27" dur="500"/>
                                        <p:tgtEl>
                                          <p:spTgt spid="73"/>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74"/>
                                        </p:tgtEl>
                                        <p:attrNameLst>
                                          <p:attrName>style.visibility</p:attrName>
                                        </p:attrNameLst>
                                      </p:cBhvr>
                                      <p:to>
                                        <p:strVal val="visible"/>
                                      </p:to>
                                    </p:set>
                                    <p:animEffect transition="in" filter="fade">
                                      <p:cBhvr>
                                        <p:cTn id="32" dur="500"/>
                                        <p:tgtEl>
                                          <p:spTgt spid="74"/>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75"/>
                                        </p:tgtEl>
                                        <p:attrNameLst>
                                          <p:attrName>style.visibility</p:attrName>
                                        </p:attrNameLst>
                                      </p:cBhvr>
                                      <p:to>
                                        <p:strVal val="visible"/>
                                      </p:to>
                                    </p:set>
                                    <p:animEffect transition="in" filter="fade">
                                      <p:cBhvr>
                                        <p:cTn id="37" dur="500"/>
                                        <p:tgtEl>
                                          <p:spTgt spid="7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9" grpId="0" animBg="1"/>
      <p:bldP spid="70" grpId="0"/>
      <p:bldP spid="71" grpId="0"/>
      <p:bldP spid="72" grpId="0"/>
      <p:bldP spid="73" grpId="0"/>
      <p:bldP spid="74" grpId="0"/>
      <p:bldP spid="75"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wrap="square" rtlCol="0">
            <a:spAutoFit/>
          </a:bodyPr>
          <a:lstStyle/>
          <a:p>
            <a:pPr marL="342900" indent="-342900">
              <a:buClr>
                <a:srgbClr val="008CCF"/>
              </a:buClr>
              <a:buFont typeface="Rubik" pitchFamily="2" charset="-79"/>
              <a:buChar char="•"/>
            </a:pPr>
            <a:r>
              <a:rPr lang="en-US" sz="2400"/>
              <a:t>Each country or organization has full ownership of their DHIS2 database</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spd="slow" p14:dur="2000" advTm="13227"/>
    </mc:Choice>
    <mc:Fallback xmlns="">
      <p:transition spd="slow" advTm="13227"/>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1000"/>
                                        <p:tgtEl>
                                          <p:spTgt spid="4"/>
                                        </p:tgtEl>
                                      </p:cBhvr>
                                    </p:animEffect>
                                    <p:anim calcmode="lin" valueType="num">
                                      <p:cBhvr>
                                        <p:cTn id="8" dur="1000" fill="hold"/>
                                        <p:tgtEl>
                                          <p:spTgt spid="4"/>
                                        </p:tgtEl>
                                        <p:attrNameLst>
                                          <p:attrName>ppt_x</p:attrName>
                                        </p:attrNameLst>
                                      </p:cBhvr>
                                      <p:tavLst>
                                        <p:tav tm="0">
                                          <p:val>
                                            <p:strVal val="#ppt_x"/>
                                          </p:val>
                                        </p:tav>
                                        <p:tav tm="100000">
                                          <p:val>
                                            <p:strVal val="#ppt_x"/>
                                          </p:val>
                                        </p:tav>
                                      </p:tavLst>
                                    </p:anim>
                                    <p:anim calcmode="lin" valueType="num">
                                      <p:cBhvr>
                                        <p:cTn id="9" dur="1000" fill="hold"/>
                                        <p:tgtEl>
                                          <p:spTgt spid="4"/>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22" presetClass="entr" presetSubtype="8" fill="hold" nodeType="clickEffect">
                                  <p:stCondLst>
                                    <p:cond delay="0"/>
                                  </p:stCondLst>
                                  <p:childTnLst>
                                    <p:set>
                                      <p:cBhvr>
                                        <p:cTn id="13" dur="1" fill="hold">
                                          <p:stCondLst>
                                            <p:cond delay="0"/>
                                          </p:stCondLst>
                                        </p:cTn>
                                        <p:tgtEl>
                                          <p:spTgt spid="2"/>
                                        </p:tgtEl>
                                        <p:attrNameLst>
                                          <p:attrName>style.visibility</p:attrName>
                                        </p:attrNameLst>
                                      </p:cBhvr>
                                      <p:to>
                                        <p:strVal val="visible"/>
                                      </p:to>
                                    </p:set>
                                    <p:animEffect transition="in" filter="wipe(left)">
                                      <p:cBhvr>
                                        <p:cTn id="14" dur="500"/>
                                        <p:tgtEl>
                                          <p:spTgt spid="2"/>
                                        </p:tgtEl>
                                      </p:cBhvr>
                                    </p:animEffec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grpId="0" nodeType="clickEffect">
                                  <p:stCondLst>
                                    <p:cond delay="0"/>
                                  </p:stCondLst>
                                  <p:childTnLst>
                                    <p:set>
                                      <p:cBhvr>
                                        <p:cTn id="18" dur="1" fill="hold">
                                          <p:stCondLst>
                                            <p:cond delay="0"/>
                                          </p:stCondLst>
                                        </p:cTn>
                                        <p:tgtEl>
                                          <p:spTgt spid="3"/>
                                        </p:tgtEl>
                                        <p:attrNameLst>
                                          <p:attrName>style.visibility</p:attrName>
                                        </p:attrNameLst>
                                      </p:cBhvr>
                                      <p:to>
                                        <p:strVal val="visible"/>
                                      </p:to>
                                    </p:set>
                                    <p:animEffect transition="in" filter="fade">
                                      <p:cBhvr>
                                        <p:cTn id="19" dur="500"/>
                                        <p:tgtEl>
                                          <p:spTgt spid="3"/>
                                        </p:tgtEl>
                                      </p:cBhvr>
                                    </p:animEffect>
                                  </p:childTnLst>
                                </p:cTn>
                              </p:par>
                              <p:par>
                                <p:cTn id="20" presetID="2" presetClass="entr" presetSubtype="4" fill="hold" nodeType="withEffect">
                                  <p:stCondLst>
                                    <p:cond delay="0"/>
                                  </p:stCondLst>
                                  <p:childTnLst>
                                    <p:set>
                                      <p:cBhvr>
                                        <p:cTn id="21" dur="1" fill="hold">
                                          <p:stCondLst>
                                            <p:cond delay="0"/>
                                          </p:stCondLst>
                                        </p:cTn>
                                        <p:tgtEl>
                                          <p:spTgt spid="5"/>
                                        </p:tgtEl>
                                        <p:attrNameLst>
                                          <p:attrName>style.visibility</p:attrName>
                                        </p:attrNameLst>
                                      </p:cBhvr>
                                      <p:to>
                                        <p:strVal val="visible"/>
                                      </p:to>
                                    </p:set>
                                    <p:anim calcmode="lin" valueType="num">
                                      <p:cBhvr additive="base">
                                        <p:cTn id="22" dur="500" fill="hold"/>
                                        <p:tgtEl>
                                          <p:spTgt spid="5"/>
                                        </p:tgtEl>
                                        <p:attrNameLst>
                                          <p:attrName>ppt_x</p:attrName>
                                        </p:attrNameLst>
                                      </p:cBhvr>
                                      <p:tavLst>
                                        <p:tav tm="0">
                                          <p:val>
                                            <p:strVal val="#ppt_x"/>
                                          </p:val>
                                        </p:tav>
                                        <p:tav tm="100000">
                                          <p:val>
                                            <p:strVal val="#ppt_x"/>
                                          </p:val>
                                        </p:tav>
                                      </p:tavLst>
                                    </p:anim>
                                    <p:anim calcmode="lin" valueType="num">
                                      <p:cBhvr additive="base">
                                        <p:cTn id="23" dur="500" fill="hold"/>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wrap="square" rtlCol="0">
            <a:spAutoFit/>
          </a:bodyPr>
          <a:lstStyle/>
          <a:p>
            <a:pPr algn="ctr">
              <a:buClr>
                <a:srgbClr val="008CCF"/>
              </a:buClr>
            </a:pPr>
            <a:r>
              <a:rPr lang="es-ES" sz="2400"/>
              <a:t>Each country or organization using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wrap="square" rtlCol="0">
            <a:spAutoFit/>
          </a:bodyPr>
          <a:lstStyle/>
          <a:p>
            <a:pPr marL="342900" indent="-342900">
              <a:buClr>
                <a:srgbClr val="008CCF"/>
              </a:buClr>
              <a:buFont typeface="Rubik" pitchFamily="2" charset="-79"/>
              <a:buChar char="•"/>
            </a:pPr>
            <a:r>
              <a:rPr lang="en-US" sz="2400"/>
              <a:t>Suited for the unique context they operate</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wrap="square" rtlCol="0">
            <a:spAutoFit/>
          </a:bodyPr>
          <a:lstStyle/>
          <a:p>
            <a:pPr marL="342900" indent="-342900">
              <a:buClr>
                <a:srgbClr val="008CCF"/>
              </a:buClr>
              <a:buFont typeface="Rubik" pitchFamily="2" charset="-79"/>
              <a:buChar char="•"/>
            </a:pPr>
            <a:r>
              <a:rPr lang="en-US" sz="2400"/>
              <a:t>Customized to meet their requirement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895" advTm="11040">
        <p159:morph option="byObject"/>
      </p:transition>
    </mc:Choice>
    <mc:Fallback xmlns="">
      <p:transition spd="slow" advTm="1104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7"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wrap="square" rtlCol="0">
            <a:spAutoFit/>
          </a:bodyPr>
          <a:lstStyle/>
          <a:p>
            <a:pPr marL="342900" indent="-342900">
              <a:buClr>
                <a:srgbClr val="008CCF"/>
              </a:buClr>
              <a:buFont typeface="Rubik" pitchFamily="2" charset="-79"/>
              <a:buChar char="•"/>
            </a:pPr>
            <a:r>
              <a:rPr lang="es-ES" sz="2400"/>
              <a:t>How to create your own organisation unit hierarchies</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wrap="square" rtlCol="0">
            <a:spAutoFit/>
          </a:bodyPr>
          <a:lstStyle/>
          <a:p>
            <a:pPr marL="342900" indent="-342900">
              <a:buClr>
                <a:srgbClr val="008CCF"/>
              </a:buClr>
              <a:buFont typeface="Rubik" pitchFamily="2" charset="-79"/>
              <a:buChar char="•"/>
            </a:pPr>
            <a:r>
              <a:rPr lang="es-ES" sz="2400"/>
              <a:t>Set up a simple aggregate data collection tool</a:t>
            </a:r>
          </a:p>
          <a:p>
            <a:pPr marL="800100" lvl="1" indent="-342900">
              <a:buClr>
                <a:srgbClr val="008CCF"/>
              </a:buClr>
              <a:buFont typeface="Rubik" pitchFamily="2" charset="-79"/>
              <a:buChar char="•"/>
            </a:pPr>
            <a:r>
              <a:rPr lang="es-ES" sz="2400"/>
              <a:t>Data elements</a:t>
            </a:r>
          </a:p>
          <a:p>
            <a:pPr marL="800100" lvl="1" indent="-342900">
              <a:buClr>
                <a:srgbClr val="008CCF"/>
              </a:buClr>
              <a:buFont typeface="Rubik" pitchFamily="2" charset="-79"/>
              <a:buChar char="•"/>
            </a:pPr>
            <a:r>
              <a:rPr lang="es-ES" sz="2400"/>
              <a:t>Data sets</a:t>
            </a:r>
          </a:p>
          <a:p>
            <a:pPr marL="800100" lvl="1" indent="-342900">
              <a:buClr>
                <a:srgbClr val="008CCF"/>
              </a:buClr>
              <a:buFont typeface="Rubik" pitchFamily="2" charset="-79"/>
              <a:buChar char="•"/>
            </a:pPr>
            <a:r>
              <a:rPr lang="es-ES" sz="2400"/>
              <a:t>Indicators </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a:r>
              <a:rPr lang="es-ES"/>
              <a:t>In this course, you wil learn…</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name="connsiteX0" fmla="*/ 689613 w 689612"/>
                <a:gd name="connsiteY0" fmla="*/ 1123985 h 1123984"/>
                <a:gd name="connsiteX1" fmla="*/ 689613 w 689612"/>
                <a:gd name="connsiteY1" fmla="*/ 344806 h 1123984"/>
                <a:gd name="connsiteX2" fmla="*/ 344806 w 689612"/>
                <a:gd name="connsiteY2" fmla="*/ 0 h 1123984"/>
                <a:gd name="connsiteX3" fmla="*/ 0 w 689612"/>
                <a:gd name="connsiteY3" fmla="*/ 344806 h 1123984"/>
                <a:gd name="connsiteX4" fmla="*/ 0 w 689612"/>
                <a:gd name="connsiteY4" fmla="*/ 1099243 h 1123984"/>
                <a:gd name="connsiteX5" fmla="*/ 332268 w 689612"/>
                <a:gd name="connsiteY5" fmla="*/ 969637 h 1123984"/>
                <a:gd name="connsiteX6" fmla="*/ 689613 w 689612"/>
                <a:gd name="connsiteY6" fmla="*/ 1123985 h 1123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23984">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w="4170" cap="flat">
              <a:noFill/>
              <a:prstDash val="solid"/>
              <a:miter/>
            </a:ln>
          </p:spPr>
          <p:txBody>
            <a:bodyPr rtlCol="0" anchor="ctr"/>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name="connsiteX0" fmla="*/ 689613 w 689612"/>
                <a:gd name="connsiteY0" fmla="*/ 555284 h 555284"/>
                <a:gd name="connsiteX1" fmla="*/ 689613 w 689612"/>
                <a:gd name="connsiteY1" fmla="*/ 344806 h 555284"/>
                <a:gd name="connsiteX2" fmla="*/ 344806 w 689612"/>
                <a:gd name="connsiteY2" fmla="*/ 0 h 555284"/>
                <a:gd name="connsiteX3" fmla="*/ 0 w 689612"/>
                <a:gd name="connsiteY3" fmla="*/ 344806 h 555284"/>
                <a:gd name="connsiteX4" fmla="*/ 0 w 689612"/>
                <a:gd name="connsiteY4" fmla="*/ 555284 h 555284"/>
                <a:gd name="connsiteX5" fmla="*/ 344806 w 689612"/>
                <a:gd name="connsiteY5" fmla="*/ 413768 h 555284"/>
                <a:gd name="connsiteX6" fmla="*/ 689613 w 689612"/>
                <a:gd name="connsiteY6" fmla="*/ 555284 h 5552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555284">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w="4170" cap="flat">
              <a:noFill/>
              <a:prstDash val="solid"/>
              <a:miter/>
            </a:ln>
          </p:spPr>
          <p:txBody>
            <a:bodyPr rtlCol="0" anchor="ctr"/>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name="connsiteX0" fmla="*/ 0 w 689612"/>
                <a:gd name="connsiteY0" fmla="*/ 0 h 1658664"/>
                <a:gd name="connsiteX1" fmla="*/ 0 w 689612"/>
                <a:gd name="connsiteY1" fmla="*/ 1313858 h 1658664"/>
                <a:gd name="connsiteX2" fmla="*/ 344806 w 689612"/>
                <a:gd name="connsiteY2" fmla="*/ 1658665 h 1658664"/>
                <a:gd name="connsiteX3" fmla="*/ 689613 w 689612"/>
                <a:gd name="connsiteY3" fmla="*/ 1313858 h 1658664"/>
                <a:gd name="connsiteX4" fmla="*/ 689613 w 689612"/>
                <a:gd name="connsiteY4" fmla="*/ 0 h 1658664"/>
                <a:gd name="connsiteX5" fmla="*/ 344806 w 689612"/>
                <a:gd name="connsiteY5" fmla="*/ 141517 h 1658664"/>
                <a:gd name="connsiteX6" fmla="*/ 0 w 689612"/>
                <a:gd name="connsiteY6" fmla="*/ 0 h 1658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658664">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w="4170" cap="flat">
              <a:noFill/>
              <a:prstDash val="solid"/>
              <a:miter/>
            </a:ln>
          </p:spPr>
          <p:txBody>
            <a:bodyPr rtlCol="0" anchor="ctr"/>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name="connsiteX0" fmla="*/ 778761 w 898586"/>
                <a:gd name="connsiteY0" fmla="*/ 143899 h 898586"/>
                <a:gd name="connsiteX1" fmla="*/ 449293 w 898586"/>
                <a:gd name="connsiteY1" fmla="*/ 0 h 898586"/>
                <a:gd name="connsiteX2" fmla="*/ 119825 w 898586"/>
                <a:gd name="connsiteY2" fmla="*/ 143899 h 898586"/>
                <a:gd name="connsiteX3" fmla="*/ 0 w 898586"/>
                <a:gd name="connsiteY3" fmla="*/ 449293 h 898586"/>
                <a:gd name="connsiteX4" fmla="*/ 119825 w 898586"/>
                <a:gd name="connsiteY4" fmla="*/ 754687 h 898586"/>
                <a:gd name="connsiteX5" fmla="*/ 449293 w 898586"/>
                <a:gd name="connsiteY5" fmla="*/ 898586 h 898586"/>
                <a:gd name="connsiteX6" fmla="*/ 778761 w 898586"/>
                <a:gd name="connsiteY6" fmla="*/ 754687 h 898586"/>
                <a:gd name="connsiteX7" fmla="*/ 898586 w 898586"/>
                <a:gd name="connsiteY7" fmla="*/ 449293 h 898586"/>
                <a:gd name="connsiteX8" fmla="*/ 778761 w 898586"/>
                <a:gd name="connsiteY8" fmla="*/ 143899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98586" h="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w="4170" cap="flat">
              <a:noFill/>
              <a:prstDash val="solid"/>
              <a:miter/>
            </a:ln>
          </p:spPr>
          <p:txBody>
            <a:bodyPr rtlCol="0" anchor="ctr"/>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name="connsiteX0" fmla="*/ 898586 w 898586"/>
                <a:gd name="connsiteY0" fmla="*/ 449293 h 898586"/>
                <a:gd name="connsiteX1" fmla="*/ 778761 w 898586"/>
                <a:gd name="connsiteY1" fmla="*/ 143899 h 898586"/>
                <a:gd name="connsiteX2" fmla="*/ 449293 w 898586"/>
                <a:gd name="connsiteY2" fmla="*/ 0 h 898586"/>
                <a:gd name="connsiteX3" fmla="*/ 119825 w 898586"/>
                <a:gd name="connsiteY3" fmla="*/ 143899 h 898586"/>
                <a:gd name="connsiteX4" fmla="*/ 0 w 898586"/>
                <a:gd name="connsiteY4" fmla="*/ 449293 h 898586"/>
                <a:gd name="connsiteX5" fmla="*/ 119825 w 898586"/>
                <a:gd name="connsiteY5" fmla="*/ 754687 h 898586"/>
                <a:gd name="connsiteX6" fmla="*/ 449293 w 898586"/>
                <a:gd name="connsiteY6" fmla="*/ 898586 h 898586"/>
                <a:gd name="connsiteX7" fmla="*/ 778761 w 898586"/>
                <a:gd name="connsiteY7" fmla="*/ 754687 h 898586"/>
                <a:gd name="connsiteX8" fmla="*/ 898586 w 898586"/>
                <a:gd name="connsiteY8" fmla="*/ 449293 h 898586"/>
                <a:gd name="connsiteX9" fmla="*/ 450129 w 898586"/>
                <a:gd name="connsiteY9" fmla="*/ 681170 h 898586"/>
                <a:gd name="connsiteX10" fmla="*/ 218252 w 898586"/>
                <a:gd name="connsiteY10" fmla="*/ 449293 h 898586"/>
                <a:gd name="connsiteX11" fmla="*/ 450129 w 898586"/>
                <a:gd name="connsiteY11" fmla="*/ 217416 h 898586"/>
                <a:gd name="connsiteX12" fmla="*/ 682006 w 898586"/>
                <a:gd name="connsiteY12" fmla="*/ 449293 h 898586"/>
                <a:gd name="connsiteX13" fmla="*/ 450129 w 898586"/>
                <a:gd name="connsiteY13" fmla="*/ 681170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98586" h="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w="4170" cap="flat">
              <a:noFill/>
              <a:prstDash val="solid"/>
              <a:miter/>
            </a:ln>
          </p:spPr>
          <p:txBody>
            <a:bodyPr rtlCol="0" anchor="ctr"/>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name="connsiteX0" fmla="*/ 0 w 689612"/>
                <a:gd name="connsiteY0" fmla="*/ 0 h 668130"/>
                <a:gd name="connsiteX1" fmla="*/ 0 w 689612"/>
                <a:gd name="connsiteY1" fmla="*/ 323324 h 668130"/>
                <a:gd name="connsiteX2" fmla="*/ 344806 w 689612"/>
                <a:gd name="connsiteY2" fmla="*/ 668130 h 668130"/>
                <a:gd name="connsiteX3" fmla="*/ 689613 w 689612"/>
                <a:gd name="connsiteY3" fmla="*/ 323324 h 668130"/>
                <a:gd name="connsiteX4" fmla="*/ 689613 w 689612"/>
                <a:gd name="connsiteY4" fmla="*/ 0 h 668130"/>
                <a:gd name="connsiteX5" fmla="*/ 344806 w 689612"/>
                <a:gd name="connsiteY5" fmla="*/ 141517 h 668130"/>
                <a:gd name="connsiteX6" fmla="*/ 0 w 689612"/>
                <a:gd name="connsiteY6" fmla="*/ 0 h 6681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668130">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w="4170" cap="flat">
              <a:noFill/>
              <a:prstDash val="solid"/>
              <a:miter/>
            </a:ln>
          </p:spPr>
          <p:txBody>
            <a:bodyPr rtlCol="0" anchor="ctr"/>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w="4170" cap="flat">
              <a:noFill/>
              <a:prstDash val="solid"/>
              <a:miter/>
            </a:ln>
          </p:spPr>
          <p:txBody>
            <a:bodyPr rtlCol="0" anchor="ctr"/>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200"/>
              <a:t>DHIS2 Customization</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wrap="square" rtlCol="0">
            <a:spAutoFit/>
          </a:bodyPr>
          <a:lstStyle/>
          <a:p>
            <a:pPr>
              <a:buClr>
                <a:srgbClr val="008CCF"/>
              </a:buClr>
            </a:pPr>
            <a:r>
              <a:rPr lang="es-ES" sz="2400"/>
              <a:t>Configuration of metadata</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w="53975" cap="rnd">
            <a:solidFill>
              <a:schemeClr val="accent1"/>
            </a:solidFill>
            <a:prstDash val="solid"/>
            <a:headEnd type="none" w="lg" len="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spd="slow" advTm="24240">
        <p159:morph option="byObject"/>
      </p:transition>
    </mc:Choice>
    <mc:Fallback xmlns="">
      <p:transition spd="slow" advTm="2424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48"/>
                                        </p:tgtEl>
                                        <p:attrNameLst>
                                          <p:attrName>style.visibility</p:attrName>
                                        </p:attrNameLst>
                                      </p:cBhvr>
                                      <p:to>
                                        <p:strVal val="visible"/>
                                      </p:to>
                                    </p:set>
                                    <p:animEffect transition="in" filter="fade">
                                      <p:cBhvr>
                                        <p:cTn id="7" dur="500"/>
                                        <p:tgtEl>
                                          <p:spTgt spid="48"/>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2"/>
                                        </p:tgtEl>
                                        <p:attrNameLst>
                                          <p:attrName>style.visibility</p:attrName>
                                        </p:attrNameLst>
                                      </p:cBhvr>
                                      <p:to>
                                        <p:strVal val="visible"/>
                                      </p:to>
                                    </p:set>
                                    <p:animEffect transition="in" filter="fade">
                                      <p:cBhvr>
                                        <p:cTn id="12" dur="500"/>
                                        <p:tgtEl>
                                          <p:spTgt spid="62"/>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21"/>
                                        </p:tgtEl>
                                        <p:attrNameLst>
                                          <p:attrName>style.visibility</p:attrName>
                                        </p:attrNameLst>
                                      </p:cBhvr>
                                      <p:to>
                                        <p:strVal val="visible"/>
                                      </p:to>
                                    </p:set>
                                    <p:animEffect transition="in" filter="wipe(left)">
                                      <p:cBhvr>
                                        <p:cTn id="17" dur="500"/>
                                        <p:tgtEl>
                                          <p:spTgt spid="21"/>
                                        </p:tgtEl>
                                      </p:cBhvr>
                                    </p:animEffect>
                                  </p:childTnLst>
                                </p:cTn>
                              </p:par>
                            </p:childTnLst>
                          </p:cTn>
                        </p:par>
                        <p:par>
                          <p:cTn id="18" fill="hold">
                            <p:stCondLst>
                              <p:cond delay="500"/>
                            </p:stCondLst>
                            <p:childTnLst>
                              <p:par>
                                <p:cTn id="19" presetID="10" presetClass="entr" presetSubtype="0" fill="hold" grpId="0" nodeType="afterEffect">
                                  <p:stCondLst>
                                    <p:cond delay="0"/>
                                  </p:stCondLst>
                                  <p:childTnLst>
                                    <p:set>
                                      <p:cBhvr>
                                        <p:cTn id="20" dur="1" fill="hold">
                                          <p:stCondLst>
                                            <p:cond delay="0"/>
                                          </p:stCondLst>
                                        </p:cTn>
                                        <p:tgtEl>
                                          <p:spTgt spid="20"/>
                                        </p:tgtEl>
                                        <p:attrNameLst>
                                          <p:attrName>style.visibility</p:attrName>
                                        </p:attrNameLst>
                                      </p:cBhvr>
                                      <p:to>
                                        <p:strVal val="visible"/>
                                      </p:to>
                                    </p:set>
                                    <p:animEffect transition="in" filter="fade">
                                      <p:cBhvr>
                                        <p:cTn id="21" dur="500"/>
                                        <p:tgtEl>
                                          <p:spTgt spid="20"/>
                                        </p:tgtEl>
                                      </p:cBhvr>
                                    </p:animEffect>
                                  </p:childTnLst>
                                </p:cTn>
                              </p:par>
                            </p:childTnLst>
                          </p:cTn>
                        </p:par>
                      </p:childTnLst>
                    </p:cTn>
                  </p:par>
                  <p:par>
                    <p:cTn id="22" fill="hold">
                      <p:stCondLst>
                        <p:cond delay="indefinite"/>
                      </p:stCondLst>
                      <p:childTnLst>
                        <p:par>
                          <p:cTn id="23" fill="hold">
                            <p:stCondLst>
                              <p:cond delay="0"/>
                            </p:stCondLst>
                            <p:childTnLst>
                              <p:par>
                                <p:cTn id="24" presetID="10" presetClass="entr" presetSubtype="0" fill="hold" grpId="0" nodeType="clickEffect">
                                  <p:stCondLst>
                                    <p:cond delay="0"/>
                                  </p:stCondLst>
                                  <p:childTnLst>
                                    <p:set>
                                      <p:cBhvr>
                                        <p:cTn id="25" dur="1" fill="hold">
                                          <p:stCondLst>
                                            <p:cond delay="0"/>
                                          </p:stCondLst>
                                        </p:cTn>
                                        <p:tgtEl>
                                          <p:spTgt spid="23"/>
                                        </p:tgtEl>
                                        <p:attrNameLst>
                                          <p:attrName>style.visibility</p:attrName>
                                        </p:attrNameLst>
                                      </p:cBhvr>
                                      <p:to>
                                        <p:strVal val="visible"/>
                                      </p:to>
                                    </p:set>
                                    <p:animEffect transition="in" filter="fade">
                                      <p:cBhvr>
                                        <p:cTn id="26" dur="500"/>
                                        <p:tgtEl>
                                          <p:spTgt spid="23"/>
                                        </p:tgtEl>
                                      </p:cBhvr>
                                    </p:animEffect>
                                  </p:childTnLst>
                                </p:cTn>
                              </p:par>
                            </p:childTnLst>
                          </p:cTn>
                        </p:par>
                      </p:childTnLst>
                    </p:cTn>
                  </p:par>
                  <p:par>
                    <p:cTn id="27" fill="hold">
                      <p:stCondLst>
                        <p:cond delay="indefinite"/>
                      </p:stCondLst>
                      <p:childTnLst>
                        <p:par>
                          <p:cTn id="28" fill="hold">
                            <p:stCondLst>
                              <p:cond delay="0"/>
                            </p:stCondLst>
                            <p:childTnLst>
                              <p:par>
                                <p:cTn id="29" presetID="10" presetClass="entr" presetSubtype="0" fill="hold" grpId="0" nodeType="clickEffect">
                                  <p:stCondLst>
                                    <p:cond delay="0"/>
                                  </p:stCondLst>
                                  <p:childTnLst>
                                    <p:set>
                                      <p:cBhvr>
                                        <p:cTn id="30" dur="1" fill="hold">
                                          <p:stCondLst>
                                            <p:cond delay="0"/>
                                          </p:stCondLst>
                                        </p:cTn>
                                        <p:tgtEl>
                                          <p:spTgt spid="24">
                                            <p:txEl>
                                              <p:pRg st="0" end="0"/>
                                            </p:txEl>
                                          </p:spTgt>
                                        </p:tgtEl>
                                        <p:attrNameLst>
                                          <p:attrName>style.visibility</p:attrName>
                                        </p:attrNameLst>
                                      </p:cBhvr>
                                      <p:to>
                                        <p:strVal val="visible"/>
                                      </p:to>
                                    </p:set>
                                    <p:animEffect transition="in" filter="fade">
                                      <p:cBhvr>
                                        <p:cTn id="31" dur="500"/>
                                        <p:tgtEl>
                                          <p:spTgt spid="24">
                                            <p:txEl>
                                              <p:pRg st="0" end="0"/>
                                            </p:txEl>
                                          </p:spTgt>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grpId="0" nodeType="clickEffect">
                                  <p:stCondLst>
                                    <p:cond delay="0"/>
                                  </p:stCondLst>
                                  <p:childTnLst>
                                    <p:set>
                                      <p:cBhvr>
                                        <p:cTn id="35" dur="1" fill="hold">
                                          <p:stCondLst>
                                            <p:cond delay="0"/>
                                          </p:stCondLst>
                                        </p:cTn>
                                        <p:tgtEl>
                                          <p:spTgt spid="24">
                                            <p:txEl>
                                              <p:pRg st="1" end="1"/>
                                            </p:txEl>
                                          </p:spTgt>
                                        </p:tgtEl>
                                        <p:attrNameLst>
                                          <p:attrName>style.visibility</p:attrName>
                                        </p:attrNameLst>
                                      </p:cBhvr>
                                      <p:to>
                                        <p:strVal val="visible"/>
                                      </p:to>
                                    </p:set>
                                    <p:animEffect transition="in" filter="fade">
                                      <p:cBhvr>
                                        <p:cTn id="36" dur="500"/>
                                        <p:tgtEl>
                                          <p:spTgt spid="24">
                                            <p:txEl>
                                              <p:pRg st="1" end="1"/>
                                            </p:txEl>
                                          </p:spTgt>
                                        </p:tgtEl>
                                      </p:cBhvr>
                                    </p:animEffect>
                                  </p:childTnLst>
                                </p:cTn>
                              </p:par>
                            </p:childTnLst>
                          </p:cTn>
                        </p:par>
                      </p:childTnLst>
                    </p:cTn>
                  </p:par>
                  <p:par>
                    <p:cTn id="37" fill="hold">
                      <p:stCondLst>
                        <p:cond delay="indefinite"/>
                      </p:stCondLst>
                      <p:childTnLst>
                        <p:par>
                          <p:cTn id="38" fill="hold">
                            <p:stCondLst>
                              <p:cond delay="0"/>
                            </p:stCondLst>
                            <p:childTnLst>
                              <p:par>
                                <p:cTn id="39" presetID="10" presetClass="entr" presetSubtype="0" fill="hold" grpId="0" nodeType="clickEffect">
                                  <p:stCondLst>
                                    <p:cond delay="0"/>
                                  </p:stCondLst>
                                  <p:childTnLst>
                                    <p:set>
                                      <p:cBhvr>
                                        <p:cTn id="40" dur="1" fill="hold">
                                          <p:stCondLst>
                                            <p:cond delay="0"/>
                                          </p:stCondLst>
                                        </p:cTn>
                                        <p:tgtEl>
                                          <p:spTgt spid="24">
                                            <p:txEl>
                                              <p:pRg st="2" end="2"/>
                                            </p:txEl>
                                          </p:spTgt>
                                        </p:tgtEl>
                                        <p:attrNameLst>
                                          <p:attrName>style.visibility</p:attrName>
                                        </p:attrNameLst>
                                      </p:cBhvr>
                                      <p:to>
                                        <p:strVal val="visible"/>
                                      </p:to>
                                    </p:set>
                                    <p:animEffect transition="in" filter="fade">
                                      <p:cBhvr>
                                        <p:cTn id="41" dur="500"/>
                                        <p:tgtEl>
                                          <p:spTgt spid="24">
                                            <p:txEl>
                                              <p:pRg st="2" end="2"/>
                                            </p:txEl>
                                          </p:spTgt>
                                        </p:tgtEl>
                                      </p:cBhvr>
                                    </p:animEffect>
                                  </p:childTnLst>
                                </p:cTn>
                              </p:par>
                            </p:childTnLst>
                          </p:cTn>
                        </p:par>
                      </p:childTnLst>
                    </p:cTn>
                  </p:par>
                  <p:par>
                    <p:cTn id="42" fill="hold">
                      <p:stCondLst>
                        <p:cond delay="indefinite"/>
                      </p:stCondLst>
                      <p:childTnLst>
                        <p:par>
                          <p:cTn id="43" fill="hold">
                            <p:stCondLst>
                              <p:cond delay="0"/>
                            </p:stCondLst>
                            <p:childTnLst>
                              <p:par>
                                <p:cTn id="44" presetID="10" presetClass="entr" presetSubtype="0" fill="hold" grpId="0" nodeType="clickEffect">
                                  <p:stCondLst>
                                    <p:cond delay="0"/>
                                  </p:stCondLst>
                                  <p:childTnLst>
                                    <p:set>
                                      <p:cBhvr>
                                        <p:cTn id="45" dur="1" fill="hold">
                                          <p:stCondLst>
                                            <p:cond delay="0"/>
                                          </p:stCondLst>
                                        </p:cTn>
                                        <p:tgtEl>
                                          <p:spTgt spid="24">
                                            <p:txEl>
                                              <p:pRg st="3" end="3"/>
                                            </p:txEl>
                                          </p:spTgt>
                                        </p:tgtEl>
                                        <p:attrNameLst>
                                          <p:attrName>style.visibility</p:attrName>
                                        </p:attrNameLst>
                                      </p:cBhvr>
                                      <p:to>
                                        <p:strVal val="visible"/>
                                      </p:to>
                                    </p:set>
                                    <p:animEffect transition="in" filter="fade">
                                      <p:cBhvr>
                                        <p:cTn id="46" dur="500"/>
                                        <p:tgtEl>
                                          <p:spTgt spid="24">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3" grpId="0"/>
      <p:bldP spid="24" grpId="0" uiExpand="1" build="p"/>
      <p:bldP spid="62" grpId="0" animBg="1"/>
      <p:bldP spid="20"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name="adj" fmla="val 5481"/>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731520" tIns="91440" rIns="731520" bIns="91440" rtlCol="0" anchor="ctr"/>
          <a:lstStyle/>
          <a:p>
            <a:pPr algn="ctr"/>
            <a:r>
              <a:rPr lang="es-ES" sz="4000">
                <a:solidFill>
                  <a:schemeClr val="bg1"/>
                </a:solidFill>
              </a:rPr>
              <a:t>Welcome to the </a:t>
            </a:r>
          </a:p>
          <a:p>
            <a:pPr algn="ctr"/>
            <a:r>
              <a:rPr lang="es-ES" sz="4000">
                <a:solidFill>
                  <a:schemeClr val="bg1"/>
                </a:solidFill>
              </a:rPr>
              <a:t>DHIS2 Customization</a:t>
            </a:r>
          </a:p>
          <a:p>
            <a:pPr algn="ctr"/>
            <a:r>
              <a:rPr lang="es-ES" sz="4000">
                <a:solidFill>
                  <a:schemeClr val="bg1"/>
                </a:solidFill>
              </a:rPr>
              <a:t>course</a:t>
            </a:r>
          </a:p>
        </p:txBody>
      </p:sp>
    </p:spTree>
    <p:custDataLst>
      <p:tags r:id="rId1"/>
    </p:custDataLst>
    <p:extLst>
      <p:ext uri="{BB962C8B-B14F-4D97-AF65-F5344CB8AC3E}">
        <p14:creationId xmlns:p14="http://schemas.microsoft.com/office/powerpoint/2010/main" val="754368117"/>
      </p:ext>
    </p:extLst>
  </p:cSld>
  <p:clrMapOvr>
    <a:masterClrMapping/>
  </p:clrMapOvr>
  <p:transition spd="slow" advTm="4032"/>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7"/>
                                        </p:tgtEl>
                                        <p:attrNameLst>
                                          <p:attrName>style.visibility</p:attrName>
                                        </p:attrNameLst>
                                      </p:cBhvr>
                                      <p:to>
                                        <p:strVal val="visible"/>
                                      </p:to>
                                    </p:set>
                                    <p:animEffect transition="in" filter="fade">
                                      <p:cBhvr>
                                        <p:cTn id="7" dur="500"/>
                                        <p:tgtEl>
                                          <p:spTgt spid="17"/>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18"/>
                                        </p:tgtEl>
                                        <p:attrNameLst>
                                          <p:attrName>style.visibility</p:attrName>
                                        </p:attrNameLst>
                                      </p:cBhvr>
                                      <p:to>
                                        <p:strVal val="visible"/>
                                      </p:to>
                                    </p:set>
                                    <p:animEffect transition="in" filter="fade">
                                      <p:cBhvr>
                                        <p:cTn id="11"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wrap="square" rtlCol="0">
            <a:spAutoFit/>
          </a:bodyPr>
          <a:lstStyle/>
          <a:p>
            <a:pPr algn="ctr">
              <a:buClr>
                <a:srgbClr val="008CCF"/>
              </a:buClr>
            </a:pPr>
            <a:r>
              <a:rPr lang="es-ES" sz="2400"/>
              <a:t>We hope you enjoy the course!</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p14:dur="235" advTm="7968">
        <p159:morph option="byObject"/>
      </p:transition>
    </mc:Choice>
    <mc:Fallback xmlns="">
      <p:transition advTm="7968">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par>
                                <p:cTn id="8" presetID="42" presetClass="entr" presetSubtype="0" fill="hold" nodeType="withEffect">
                                  <p:stCondLst>
                                    <p:cond delay="0"/>
                                  </p:stCondLst>
                                  <p:childTnLst>
                                    <p:set>
                                      <p:cBhvr>
                                        <p:cTn id="9" dur="1" fill="hold">
                                          <p:stCondLst>
                                            <p:cond delay="0"/>
                                          </p:stCondLst>
                                        </p:cTn>
                                        <p:tgtEl>
                                          <p:spTgt spid="6"/>
                                        </p:tgtEl>
                                        <p:attrNameLst>
                                          <p:attrName>style.visibility</p:attrName>
                                        </p:attrNameLst>
                                      </p:cBhvr>
                                      <p:to>
                                        <p:strVal val="visible"/>
                                      </p:to>
                                    </p:set>
                                    <p:animEffect transition="in" filter="fade">
                                      <p:cBhvr>
                                        <p:cTn id="10" dur="1000"/>
                                        <p:tgtEl>
                                          <p:spTgt spid="6"/>
                                        </p:tgtEl>
                                      </p:cBhvr>
                                    </p:animEffect>
                                    <p:anim calcmode="lin" valueType="num">
                                      <p:cBhvr>
                                        <p:cTn id="11" dur="1000" fill="hold"/>
                                        <p:tgtEl>
                                          <p:spTgt spid="6"/>
                                        </p:tgtEl>
                                        <p:attrNameLst>
                                          <p:attrName>ppt_x</p:attrName>
                                        </p:attrNameLst>
                                      </p:cBhvr>
                                      <p:tavLst>
                                        <p:tav tm="0">
                                          <p:val>
                                            <p:strVal val="#ppt_x"/>
                                          </p:val>
                                        </p:tav>
                                        <p:tav tm="100000">
                                          <p:val>
                                            <p:strVal val="#ppt_x"/>
                                          </p:val>
                                        </p:tav>
                                      </p:tavLst>
                                    </p:anim>
                                    <p:anim calcmode="lin" valueType="num">
                                      <p:cBhvr>
                                        <p:cTn id="12" dur="1000" fill="hold"/>
                                        <p:tgtEl>
                                          <p:spTgt spid="6"/>
                                        </p:tgtEl>
                                        <p:attrNameLst>
                                          <p:attrName>ppt_y</p:attrName>
                                        </p:attrNameLst>
                                      </p:cBhvr>
                                      <p:tavLst>
                                        <p:tav tm="0">
                                          <p:val>
                                            <p:strVal val="#ppt_y+.1"/>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22" presetClass="entr" presetSubtype="8" fill="hold" nodeType="clickEffect">
                                  <p:stCondLst>
                                    <p:cond delay="0"/>
                                  </p:stCondLst>
                                  <p:childTnLst>
                                    <p:set>
                                      <p:cBhvr>
                                        <p:cTn id="16" dur="1" fill="hold">
                                          <p:stCondLst>
                                            <p:cond delay="0"/>
                                          </p:stCondLst>
                                        </p:cTn>
                                        <p:tgtEl>
                                          <p:spTgt spid="30"/>
                                        </p:tgtEl>
                                        <p:attrNameLst>
                                          <p:attrName>style.visibility</p:attrName>
                                        </p:attrNameLst>
                                      </p:cBhvr>
                                      <p:to>
                                        <p:strVal val="visible"/>
                                      </p:to>
                                    </p:set>
                                    <p:animEffect transition="in" filter="wipe(left)">
                                      <p:cBhvr>
                                        <p:cTn id="17" dur="500"/>
                                        <p:tgtEl>
                                          <p:spTgt spid="30"/>
                                        </p:tgtEl>
                                      </p:cBhvr>
                                    </p:animEffect>
                                  </p:childTnLst>
                                </p:cTn>
                              </p:par>
                            </p:childTnLst>
                          </p:cTn>
                        </p:par>
                        <p:par>
                          <p:cTn id="18" fill="hold">
                            <p:stCondLst>
                              <p:cond delay="500"/>
                            </p:stCondLst>
                            <p:childTnLst>
                              <p:par>
                                <p:cTn id="19" presetID="1" presetClass="entr" presetSubtype="0" fill="hold" grpId="0" nodeType="afterEffect">
                                  <p:stCondLst>
                                    <p:cond delay="0"/>
                                  </p:stCondLst>
                                  <p:childTnLst>
                                    <p:set>
                                      <p:cBhvr>
                                        <p:cTn id="20" dur="1" fill="hold">
                                          <p:stCondLst>
                                            <p:cond delay="0"/>
                                          </p:stCondLst>
                                        </p:cTn>
                                        <p:tgtEl>
                                          <p:spTgt spid="8"/>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9"/>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10"/>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11"/>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2"/>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14"/>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25"/>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21"/>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5"/>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26"/>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0" presetClass="entr" presetSubtype="0" fill="hold" grpId="0" nodeType="clickEffect">
                                  <p:stCondLst>
                                    <p:cond delay="0"/>
                                  </p:stCondLst>
                                  <p:childTnLst>
                                    <p:set>
                                      <p:cBhvr>
                                        <p:cTn id="42" dur="1" fill="hold">
                                          <p:stCondLst>
                                            <p:cond delay="0"/>
                                          </p:stCondLst>
                                        </p:cTn>
                                        <p:tgtEl>
                                          <p:spTgt spid="7"/>
                                        </p:tgtEl>
                                        <p:attrNameLst>
                                          <p:attrName>style.visibility</p:attrName>
                                        </p:attrNameLst>
                                      </p:cBhvr>
                                      <p:to>
                                        <p:strVal val="visible"/>
                                      </p:to>
                                    </p:set>
                                    <p:animEffect transition="in" filter="fade">
                                      <p:cBhvr>
                                        <p:cTn id="43"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P spid="8" grpId="0" animBg="1"/>
      <p:bldP spid="9" grpId="0" animBg="1"/>
      <p:bldP spid="10" grpId="0" animBg="1"/>
      <p:bldP spid="11" grpId="0" animBg="1"/>
      <p:bldP spid="12" grpId="0" animBg="1"/>
      <p:bldP spid="14" grpId="0" animBg="1"/>
      <p:bldP spid="25"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spd="slow" p14:dur="896" advClick="0" advTm="12800">
        <p:strips/>
      </p:transition>
    </mc:Choice>
    <mc:Fallback xmlns="">
      <p:transition spd="slow" advClick="0" advTm="12800">
        <p:strips/>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wrap="square" rtlCol="0">
            <a:spAutoFit/>
          </a:bodyPr>
          <a:lstStyle/>
          <a:p>
            <a:pPr algn="ctr">
              <a:buClr>
                <a:srgbClr val="008CCF"/>
              </a:buClr>
            </a:pPr>
            <a:r>
              <a:rPr lang="es-ES" sz="2400"/>
              <a:t>What does customization mean in DHIS2?</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name="connsiteX0" fmla="*/ 689613 w 689612"/>
                <a:gd name="connsiteY0" fmla="*/ 1123985 h 1123984"/>
                <a:gd name="connsiteX1" fmla="*/ 689613 w 689612"/>
                <a:gd name="connsiteY1" fmla="*/ 344806 h 1123984"/>
                <a:gd name="connsiteX2" fmla="*/ 344806 w 689612"/>
                <a:gd name="connsiteY2" fmla="*/ 0 h 1123984"/>
                <a:gd name="connsiteX3" fmla="*/ 0 w 689612"/>
                <a:gd name="connsiteY3" fmla="*/ 344806 h 1123984"/>
                <a:gd name="connsiteX4" fmla="*/ 0 w 689612"/>
                <a:gd name="connsiteY4" fmla="*/ 1099243 h 1123984"/>
                <a:gd name="connsiteX5" fmla="*/ 332268 w 689612"/>
                <a:gd name="connsiteY5" fmla="*/ 969637 h 1123984"/>
                <a:gd name="connsiteX6" fmla="*/ 689613 w 689612"/>
                <a:gd name="connsiteY6" fmla="*/ 1123985 h 1123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23984">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w="4170" cap="flat">
              <a:noFill/>
              <a:prstDash val="solid"/>
              <a:miter/>
            </a:ln>
          </p:spPr>
          <p:txBody>
            <a:bodyPr rtlCol="0" anchor="ctr"/>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name="connsiteX0" fmla="*/ 689613 w 689612"/>
                <a:gd name="connsiteY0" fmla="*/ 555284 h 555284"/>
                <a:gd name="connsiteX1" fmla="*/ 689613 w 689612"/>
                <a:gd name="connsiteY1" fmla="*/ 344806 h 555284"/>
                <a:gd name="connsiteX2" fmla="*/ 344806 w 689612"/>
                <a:gd name="connsiteY2" fmla="*/ 0 h 555284"/>
                <a:gd name="connsiteX3" fmla="*/ 0 w 689612"/>
                <a:gd name="connsiteY3" fmla="*/ 344806 h 555284"/>
                <a:gd name="connsiteX4" fmla="*/ 0 w 689612"/>
                <a:gd name="connsiteY4" fmla="*/ 555284 h 555284"/>
                <a:gd name="connsiteX5" fmla="*/ 344806 w 689612"/>
                <a:gd name="connsiteY5" fmla="*/ 413768 h 555284"/>
                <a:gd name="connsiteX6" fmla="*/ 689613 w 689612"/>
                <a:gd name="connsiteY6" fmla="*/ 555284 h 5552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555284">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w="4170" cap="flat">
              <a:noFill/>
              <a:prstDash val="solid"/>
              <a:miter/>
            </a:ln>
          </p:spPr>
          <p:txBody>
            <a:bodyPr rtlCol="0" anchor="ctr"/>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name="connsiteX0" fmla="*/ 0 w 689612"/>
                <a:gd name="connsiteY0" fmla="*/ 0 h 1658664"/>
                <a:gd name="connsiteX1" fmla="*/ 0 w 689612"/>
                <a:gd name="connsiteY1" fmla="*/ 1313858 h 1658664"/>
                <a:gd name="connsiteX2" fmla="*/ 344806 w 689612"/>
                <a:gd name="connsiteY2" fmla="*/ 1658665 h 1658664"/>
                <a:gd name="connsiteX3" fmla="*/ 689613 w 689612"/>
                <a:gd name="connsiteY3" fmla="*/ 1313858 h 1658664"/>
                <a:gd name="connsiteX4" fmla="*/ 689613 w 689612"/>
                <a:gd name="connsiteY4" fmla="*/ 0 h 1658664"/>
                <a:gd name="connsiteX5" fmla="*/ 344806 w 689612"/>
                <a:gd name="connsiteY5" fmla="*/ 141517 h 1658664"/>
                <a:gd name="connsiteX6" fmla="*/ 0 w 689612"/>
                <a:gd name="connsiteY6" fmla="*/ 0 h 1658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658664">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w="4170" cap="flat">
              <a:noFill/>
              <a:prstDash val="solid"/>
              <a:miter/>
            </a:ln>
          </p:spPr>
          <p:txBody>
            <a:bodyPr rtlCol="0" anchor="ctr"/>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name="connsiteX0" fmla="*/ 778761 w 898586"/>
                <a:gd name="connsiteY0" fmla="*/ 143899 h 898586"/>
                <a:gd name="connsiteX1" fmla="*/ 449293 w 898586"/>
                <a:gd name="connsiteY1" fmla="*/ 0 h 898586"/>
                <a:gd name="connsiteX2" fmla="*/ 119825 w 898586"/>
                <a:gd name="connsiteY2" fmla="*/ 143899 h 898586"/>
                <a:gd name="connsiteX3" fmla="*/ 0 w 898586"/>
                <a:gd name="connsiteY3" fmla="*/ 449293 h 898586"/>
                <a:gd name="connsiteX4" fmla="*/ 119825 w 898586"/>
                <a:gd name="connsiteY4" fmla="*/ 754687 h 898586"/>
                <a:gd name="connsiteX5" fmla="*/ 449293 w 898586"/>
                <a:gd name="connsiteY5" fmla="*/ 898586 h 898586"/>
                <a:gd name="connsiteX6" fmla="*/ 778761 w 898586"/>
                <a:gd name="connsiteY6" fmla="*/ 754687 h 898586"/>
                <a:gd name="connsiteX7" fmla="*/ 898586 w 898586"/>
                <a:gd name="connsiteY7" fmla="*/ 449293 h 898586"/>
                <a:gd name="connsiteX8" fmla="*/ 778761 w 898586"/>
                <a:gd name="connsiteY8" fmla="*/ 143899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98586" h="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w="4170" cap="flat">
              <a:noFill/>
              <a:prstDash val="solid"/>
              <a:miter/>
            </a:ln>
          </p:spPr>
          <p:txBody>
            <a:bodyPr rtlCol="0" anchor="ctr"/>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name="connsiteX0" fmla="*/ 898586 w 898586"/>
                <a:gd name="connsiteY0" fmla="*/ 449293 h 898586"/>
                <a:gd name="connsiteX1" fmla="*/ 778761 w 898586"/>
                <a:gd name="connsiteY1" fmla="*/ 143899 h 898586"/>
                <a:gd name="connsiteX2" fmla="*/ 449293 w 898586"/>
                <a:gd name="connsiteY2" fmla="*/ 0 h 898586"/>
                <a:gd name="connsiteX3" fmla="*/ 119825 w 898586"/>
                <a:gd name="connsiteY3" fmla="*/ 143899 h 898586"/>
                <a:gd name="connsiteX4" fmla="*/ 0 w 898586"/>
                <a:gd name="connsiteY4" fmla="*/ 449293 h 898586"/>
                <a:gd name="connsiteX5" fmla="*/ 119825 w 898586"/>
                <a:gd name="connsiteY5" fmla="*/ 754687 h 898586"/>
                <a:gd name="connsiteX6" fmla="*/ 449293 w 898586"/>
                <a:gd name="connsiteY6" fmla="*/ 898586 h 898586"/>
                <a:gd name="connsiteX7" fmla="*/ 778761 w 898586"/>
                <a:gd name="connsiteY7" fmla="*/ 754687 h 898586"/>
                <a:gd name="connsiteX8" fmla="*/ 898586 w 898586"/>
                <a:gd name="connsiteY8" fmla="*/ 449293 h 898586"/>
                <a:gd name="connsiteX9" fmla="*/ 450129 w 898586"/>
                <a:gd name="connsiteY9" fmla="*/ 681170 h 898586"/>
                <a:gd name="connsiteX10" fmla="*/ 218252 w 898586"/>
                <a:gd name="connsiteY10" fmla="*/ 449293 h 898586"/>
                <a:gd name="connsiteX11" fmla="*/ 450129 w 898586"/>
                <a:gd name="connsiteY11" fmla="*/ 217416 h 898586"/>
                <a:gd name="connsiteX12" fmla="*/ 682006 w 898586"/>
                <a:gd name="connsiteY12" fmla="*/ 449293 h 898586"/>
                <a:gd name="connsiteX13" fmla="*/ 450129 w 898586"/>
                <a:gd name="connsiteY13" fmla="*/ 681170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98586" h="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w="4170"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name="connsiteX0" fmla="*/ 0 w 689612"/>
                <a:gd name="connsiteY0" fmla="*/ 0 h 668130"/>
                <a:gd name="connsiteX1" fmla="*/ 0 w 689612"/>
                <a:gd name="connsiteY1" fmla="*/ 323324 h 668130"/>
                <a:gd name="connsiteX2" fmla="*/ 344806 w 689612"/>
                <a:gd name="connsiteY2" fmla="*/ 668130 h 668130"/>
                <a:gd name="connsiteX3" fmla="*/ 689613 w 689612"/>
                <a:gd name="connsiteY3" fmla="*/ 323324 h 668130"/>
                <a:gd name="connsiteX4" fmla="*/ 689613 w 689612"/>
                <a:gd name="connsiteY4" fmla="*/ 0 h 668130"/>
                <a:gd name="connsiteX5" fmla="*/ 344806 w 689612"/>
                <a:gd name="connsiteY5" fmla="*/ 141517 h 668130"/>
                <a:gd name="connsiteX6" fmla="*/ 0 w 689612"/>
                <a:gd name="connsiteY6" fmla="*/ 0 h 6681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668130">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w="4170"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w="4170"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spd="slow" p14:dur="2000" advTm="8979"/>
    </mc:Choice>
    <mc:Fallback xmlns="">
      <p:transition spd="slow" advTm="8979"/>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fade">
                                      <p:cBhvr>
                                        <p:cTn id="7" dur="500"/>
                                        <p:tgtEl>
                                          <p:spTgt spid="18"/>
                                        </p:tgtEl>
                                      </p:cBhvr>
                                    </p:animEffect>
                                  </p:childTnLst>
                                </p:cTn>
                              </p:par>
                              <p:par>
                                <p:cTn id="8" presetID="1" presetClass="entr" presetSubtype="0" fill="hold" grpId="0" nodeType="withEffect">
                                  <p:stCondLst>
                                    <p:cond delay="0"/>
                                  </p:stCondLst>
                                  <p:childTnLst>
                                    <p:set>
                                      <p:cBhvr>
                                        <p:cTn id="9" dur="1" fill="hold">
                                          <p:stCondLst>
                                            <p:cond delay="0"/>
                                          </p:stCondLst>
                                        </p:cTn>
                                        <p:tgtEl>
                                          <p:spTgt spid="53"/>
                                        </p:tgtEl>
                                        <p:attrNameLst>
                                          <p:attrName>style.visibility</p:attrName>
                                        </p:attrNameLst>
                                      </p:cBhvr>
                                      <p:to>
                                        <p:strVal val="visible"/>
                                      </p:to>
                                    </p:set>
                                  </p:childTnLst>
                                </p:cTn>
                              </p:par>
                              <p:par>
                                <p:cTn id="10" presetID="1" presetClass="entr" presetSubtype="0" fill="hold" grpId="0" nodeType="withEffect">
                                  <p:stCondLst>
                                    <p:cond delay="0"/>
                                  </p:stCondLst>
                                  <p:childTnLst>
                                    <p:set>
                                      <p:cBhvr>
                                        <p:cTn id="11" dur="1" fill="hold">
                                          <p:stCondLst>
                                            <p:cond delay="0"/>
                                          </p:stCondLst>
                                        </p:cTn>
                                        <p:tgtEl>
                                          <p:spTgt spid="54"/>
                                        </p:tgtEl>
                                        <p:attrNameLst>
                                          <p:attrName>style.visibility</p:attrName>
                                        </p:attrNameLst>
                                      </p:cBhvr>
                                      <p:to>
                                        <p:strVal val="visible"/>
                                      </p:to>
                                    </p:set>
                                  </p:childTnLst>
                                </p:cTn>
                              </p:par>
                              <p:par>
                                <p:cTn id="12" presetID="1" presetClass="entr" presetSubtype="0" fill="hold" grpId="0" nodeType="withEffect">
                                  <p:stCondLst>
                                    <p:cond delay="0"/>
                                  </p:stCondLst>
                                  <p:childTnLst>
                                    <p:set>
                                      <p:cBhvr>
                                        <p:cTn id="13" dur="1" fill="hold">
                                          <p:stCondLst>
                                            <p:cond delay="0"/>
                                          </p:stCondLst>
                                        </p:cTn>
                                        <p:tgtEl>
                                          <p:spTgt spid="62"/>
                                        </p:tgtEl>
                                        <p:attrNameLst>
                                          <p:attrName>style.visibility</p:attrName>
                                        </p:attrNameLst>
                                      </p:cBhvr>
                                      <p:to>
                                        <p:strVal val="visible"/>
                                      </p:to>
                                    </p:set>
                                  </p:childTnLst>
                                </p:cTn>
                              </p:par>
                              <p:par>
                                <p:cTn id="14" presetID="1" presetClass="entr" presetSubtype="0" fill="hold" grpId="0" nodeType="withEffect">
                                  <p:stCondLst>
                                    <p:cond delay="0"/>
                                  </p:stCondLst>
                                  <p:childTnLst>
                                    <p:set>
                                      <p:cBhvr>
                                        <p:cTn id="15" dur="1" fill="hold">
                                          <p:stCondLst>
                                            <p:cond delay="0"/>
                                          </p:stCondLst>
                                        </p:cTn>
                                        <p:tgtEl>
                                          <p:spTgt spid="83"/>
                                        </p:tgtEl>
                                        <p:attrNameLst>
                                          <p:attrName>style.visibility</p:attrName>
                                        </p:attrNameLst>
                                      </p:cBhvr>
                                      <p:to>
                                        <p:strVal val="visible"/>
                                      </p:to>
                                    </p:set>
                                  </p:childTnLst>
                                </p:cTn>
                              </p:par>
                              <p:par>
                                <p:cTn id="16" presetID="1" presetClass="entr" presetSubtype="0" fill="hold" nodeType="withEffect">
                                  <p:stCondLst>
                                    <p:cond delay="0"/>
                                  </p:stCondLst>
                                  <p:childTnLst>
                                    <p:set>
                                      <p:cBhvr>
                                        <p:cTn id="17" dur="1" fill="hold">
                                          <p:stCondLst>
                                            <p:cond delay="0"/>
                                          </p:stCondLst>
                                        </p:cTn>
                                        <p:tgtEl>
                                          <p:spTgt spid="73"/>
                                        </p:tgtEl>
                                        <p:attrNameLst>
                                          <p:attrName>style.visibility</p:attrName>
                                        </p:attrNameLst>
                                      </p:cBhvr>
                                      <p:to>
                                        <p:strVal val="visible"/>
                                      </p:to>
                                    </p:set>
                                  </p:childTnLst>
                                </p:cTn>
                              </p:par>
                              <p:par>
                                <p:cTn id="18" presetID="1" presetClass="entr" presetSubtype="0" fill="hold" grpId="0" nodeType="withEffect">
                                  <p:stCondLst>
                                    <p:cond delay="0"/>
                                  </p:stCondLst>
                                  <p:childTnLst>
                                    <p:set>
                                      <p:cBhvr>
                                        <p:cTn id="19" dur="1" fill="hold">
                                          <p:stCondLst>
                                            <p:cond delay="0"/>
                                          </p:stCondLst>
                                        </p:cTn>
                                        <p:tgtEl>
                                          <p:spTgt spid="96"/>
                                        </p:tgtEl>
                                        <p:attrNameLst>
                                          <p:attrName>style.visibility</p:attrName>
                                        </p:attrNameLst>
                                      </p:cBhvr>
                                      <p:to>
                                        <p:strVal val="visible"/>
                                      </p:to>
                                    </p:set>
                                  </p:childTnLst>
                                </p:cTn>
                              </p:par>
                              <p:par>
                                <p:cTn id="20" presetID="1" presetClass="entr" presetSubtype="0" fill="hold" grpId="0" nodeType="withEffect">
                                  <p:stCondLst>
                                    <p:cond delay="0"/>
                                  </p:stCondLst>
                                  <p:childTnLst>
                                    <p:set>
                                      <p:cBhvr>
                                        <p:cTn id="21" dur="1" fill="hold">
                                          <p:stCondLst>
                                            <p:cond delay="0"/>
                                          </p:stCondLst>
                                        </p:cTn>
                                        <p:tgtEl>
                                          <p:spTgt spid="97"/>
                                        </p:tgtEl>
                                        <p:attrNameLst>
                                          <p:attrName>style.visibility</p:attrName>
                                        </p:attrNameLst>
                                      </p:cBhvr>
                                      <p:to>
                                        <p:strVal val="visible"/>
                                      </p:to>
                                    </p:set>
                                  </p:childTnLst>
                                </p:cTn>
                              </p:par>
                              <p:par>
                                <p:cTn id="22" presetID="1" presetClass="entr" presetSubtype="0" fill="hold" nodeType="withEffect">
                                  <p:stCondLst>
                                    <p:cond delay="0"/>
                                  </p:stCondLst>
                                  <p:childTnLst>
                                    <p:set>
                                      <p:cBhvr>
                                        <p:cTn id="23" dur="1" fill="hold">
                                          <p:stCondLst>
                                            <p:cond delay="0"/>
                                          </p:stCondLst>
                                        </p:cTn>
                                        <p:tgtEl>
                                          <p:spTgt spid="84"/>
                                        </p:tgtEl>
                                        <p:attrNameLst>
                                          <p:attrName>style.visibility</p:attrName>
                                        </p:attrNameLst>
                                      </p:cBhvr>
                                      <p:to>
                                        <p:strVal val="visible"/>
                                      </p:to>
                                    </p:set>
                                  </p:childTnLst>
                                </p:cTn>
                              </p:par>
                              <p:par>
                                <p:cTn id="24" presetID="1" presetClass="entr" presetSubtype="0" fill="hold" nodeType="withEffect">
                                  <p:stCondLst>
                                    <p:cond delay="0"/>
                                  </p:stCondLst>
                                  <p:childTnLst>
                                    <p:set>
                                      <p:cBhvr>
                                        <p:cTn id="25" dur="1" fill="hold">
                                          <p:stCondLst>
                                            <p:cond delay="0"/>
                                          </p:stCondLst>
                                        </p:cTn>
                                        <p:tgtEl>
                                          <p:spTgt spid="20"/>
                                        </p:tgtEl>
                                        <p:attrNameLst>
                                          <p:attrName>style.visibility</p:attrName>
                                        </p:attrNameLst>
                                      </p:cBhvr>
                                      <p:to>
                                        <p:strVal val="visible"/>
                                      </p:to>
                                    </p:set>
                                  </p:childTnLst>
                                </p:cTn>
                              </p:par>
                              <p:par>
                                <p:cTn id="26" presetID="1" presetClass="entr" presetSubtype="0" fill="hold" grpId="0" nodeType="withEffect">
                                  <p:stCondLst>
                                    <p:cond delay="0"/>
                                  </p:stCondLst>
                                  <p:childTnLst>
                                    <p:set>
                                      <p:cBhvr>
                                        <p:cTn id="27" dur="1" fill="hold">
                                          <p:stCondLst>
                                            <p:cond delay="0"/>
                                          </p:stCondLst>
                                        </p:cTn>
                                        <p:tgtEl>
                                          <p:spTgt spid="66"/>
                                        </p:tgtEl>
                                        <p:attrNameLst>
                                          <p:attrName>style.visibility</p:attrName>
                                        </p:attrNameLst>
                                      </p:cBhvr>
                                      <p:to>
                                        <p:strVal val="visible"/>
                                      </p:to>
                                    </p:set>
                                  </p:childTnLst>
                                </p:cTn>
                              </p:par>
                              <p:par>
                                <p:cTn id="28" presetID="1" presetClass="exit" presetSubtype="0" fill="hold" nodeType="withEffect">
                                  <p:stCondLst>
                                    <p:cond delay="0"/>
                                  </p:stCondLst>
                                  <p:childTnLst>
                                    <p:set>
                                      <p:cBhvr>
                                        <p:cTn id="29" dur="1" fill="hold">
                                          <p:stCondLst>
                                            <p:cond delay="0"/>
                                          </p:stCondLst>
                                        </p:cTn>
                                        <p:tgtEl>
                                          <p:spTgt spid="18"/>
                                        </p:tgtEl>
                                        <p:attrNameLst>
                                          <p:attrName>style.visibility</p:attrName>
                                        </p:attrNameLst>
                                      </p:cBhvr>
                                      <p:to>
                                        <p:strVal val="hidden"/>
                                      </p:to>
                                    </p:set>
                                  </p:childTnLst>
                                </p:cTn>
                              </p:par>
                            </p:childTnLst>
                          </p:cTn>
                        </p:par>
                      </p:childTnLst>
                    </p:cTn>
                  </p:par>
                  <p:par>
                    <p:cTn id="30" fill="hold">
                      <p:stCondLst>
                        <p:cond delay="indefinite"/>
                      </p:stCondLst>
                      <p:childTnLst>
                        <p:par>
                          <p:cTn id="31" fill="hold">
                            <p:stCondLst>
                              <p:cond delay="0"/>
                            </p:stCondLst>
                            <p:childTnLst>
                              <p:par>
                                <p:cTn id="32" presetID="42" presetClass="path" presetSubtype="0" autoRev="1" fill="hold" nodeType="clickEffect">
                                  <p:stCondLst>
                                    <p:cond delay="0"/>
                                  </p:stCondLst>
                                  <p:childTnLst>
                                    <p:animMotion origin="layout" path="M -2.08333E-7 1.11111E-6 L -2.08333E-7 0.08958 " pathEditMode="relative" rAng="0" ptsTypes="AA">
                                      <p:cBhvr>
                                        <p:cTn id="33" dur="1250" fill="hold"/>
                                        <p:tgtEl>
                                          <p:spTgt spid="84"/>
                                        </p:tgtEl>
                                        <p:attrNameLst>
                                          <p:attrName>ppt_x</p:attrName>
                                          <p:attrName>ppt_y</p:attrName>
                                        </p:attrNameLst>
                                      </p:cBhvr>
                                      <p:rCtr x="0" y="4468"/>
                                    </p:animMotion>
                                  </p:childTnLst>
                                </p:cTn>
                              </p:par>
                              <p:par>
                                <p:cTn id="34" presetID="64" presetClass="path" presetSubtype="0" accel="50000" decel="50000" autoRev="1" fill="hold" nodeType="withEffect">
                                  <p:stCondLst>
                                    <p:cond delay="1250"/>
                                  </p:stCondLst>
                                  <p:childTnLst>
                                    <p:animMotion origin="layout" path="M -4.79167E-6 1.11111E-6 L -4.79167E-6 -0.09607 " pathEditMode="relative" rAng="0" ptsTypes="AA">
                                      <p:cBhvr>
                                        <p:cTn id="35" dur="1250" fill="hold"/>
                                        <p:tgtEl>
                                          <p:spTgt spid="20"/>
                                        </p:tgtEl>
                                        <p:attrNameLst>
                                          <p:attrName>ppt_x</p:attrName>
                                          <p:attrName>ppt_y</p:attrName>
                                        </p:attrNameLst>
                                      </p:cBhvr>
                                      <p:rCtr x="0" y="-4815"/>
                                    </p:animMotion>
                                  </p:childTnLst>
                                </p:cTn>
                              </p:par>
                              <p:par>
                                <p:cTn id="36" presetID="42" presetClass="path" presetSubtype="0" accel="50000" decel="50000" autoRev="1" fill="hold" nodeType="withEffect">
                                  <p:stCondLst>
                                    <p:cond delay="750"/>
                                  </p:stCondLst>
                                  <p:childTnLst>
                                    <p:animMotion origin="layout" path="M 4.375E-6 2.59259E-6 L 4.375E-6 0.06551 " pathEditMode="relative" rAng="0" ptsTypes="AA">
                                      <p:cBhvr>
                                        <p:cTn id="37" dur="1250" fill="hold"/>
                                        <p:tgtEl>
                                          <p:spTgt spid="73"/>
                                        </p:tgtEl>
                                        <p:attrNameLst>
                                          <p:attrName>ppt_x</p:attrName>
                                          <p:attrName>ppt_y</p:attrName>
                                        </p:attrNameLst>
                                      </p:cBhvr>
                                      <p:rCtr x="0" y="3264"/>
                                    </p:animMotion>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42"/>
                                        </p:tgtEl>
                                        <p:attrNameLst>
                                          <p:attrName>style.visibility</p:attrName>
                                        </p:attrNameLst>
                                      </p:cBhvr>
                                      <p:to>
                                        <p:strVal val="visible"/>
                                      </p:to>
                                    </p:set>
                                    <p:animEffect transition="in" filter="fade">
                                      <p:cBhvr>
                                        <p:cTn id="42" dur="500"/>
                                        <p:tgtEl>
                                          <p:spTgt spid="4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4" grpId="0" animBg="1"/>
      <p:bldP spid="42" grpId="0"/>
      <p:bldP spid="53" grpId="0" animBg="1"/>
      <p:bldP spid="62" grpId="0" animBg="1"/>
      <p:bldP spid="83" grpId="0" animBg="1"/>
      <p:bldP spid="96" grpId="0" animBg="1"/>
      <p:bldP spid="97" grpId="0" animBg="1"/>
      <p:bldP spid="66"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name="adj" fmla="val 50000"/>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8" name="Group 17" hidden="1">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name="connsiteX0" fmla="*/ 689613 w 689612"/>
                <a:gd name="connsiteY0" fmla="*/ 1123985 h 1123984"/>
                <a:gd name="connsiteX1" fmla="*/ 689613 w 689612"/>
                <a:gd name="connsiteY1" fmla="*/ 344806 h 1123984"/>
                <a:gd name="connsiteX2" fmla="*/ 344806 w 689612"/>
                <a:gd name="connsiteY2" fmla="*/ 0 h 1123984"/>
                <a:gd name="connsiteX3" fmla="*/ 0 w 689612"/>
                <a:gd name="connsiteY3" fmla="*/ 344806 h 1123984"/>
                <a:gd name="connsiteX4" fmla="*/ 0 w 689612"/>
                <a:gd name="connsiteY4" fmla="*/ 1099243 h 1123984"/>
                <a:gd name="connsiteX5" fmla="*/ 332268 w 689612"/>
                <a:gd name="connsiteY5" fmla="*/ 969637 h 1123984"/>
                <a:gd name="connsiteX6" fmla="*/ 689613 w 689612"/>
                <a:gd name="connsiteY6" fmla="*/ 1123985 h 11239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23984">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w="4170" cap="flat">
              <a:noFill/>
              <a:prstDash val="solid"/>
              <a:miter/>
            </a:ln>
          </p:spPr>
          <p:txBody>
            <a:bodyPr rtlCol="0" anchor="ctr"/>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name="connsiteX0" fmla="*/ 689613 w 689612"/>
                <a:gd name="connsiteY0" fmla="*/ 555284 h 555284"/>
                <a:gd name="connsiteX1" fmla="*/ 689613 w 689612"/>
                <a:gd name="connsiteY1" fmla="*/ 344806 h 555284"/>
                <a:gd name="connsiteX2" fmla="*/ 344806 w 689612"/>
                <a:gd name="connsiteY2" fmla="*/ 0 h 555284"/>
                <a:gd name="connsiteX3" fmla="*/ 0 w 689612"/>
                <a:gd name="connsiteY3" fmla="*/ 344806 h 555284"/>
                <a:gd name="connsiteX4" fmla="*/ 0 w 689612"/>
                <a:gd name="connsiteY4" fmla="*/ 555284 h 555284"/>
                <a:gd name="connsiteX5" fmla="*/ 344806 w 689612"/>
                <a:gd name="connsiteY5" fmla="*/ 413768 h 555284"/>
                <a:gd name="connsiteX6" fmla="*/ 689613 w 689612"/>
                <a:gd name="connsiteY6" fmla="*/ 555284 h 55528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555284">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w="4170" cap="flat">
              <a:noFill/>
              <a:prstDash val="solid"/>
              <a:miter/>
            </a:ln>
          </p:spPr>
          <p:txBody>
            <a:bodyPr rtlCol="0" anchor="ctr"/>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name="connsiteX0" fmla="*/ 0 w 689612"/>
                <a:gd name="connsiteY0" fmla="*/ 0 h 1658664"/>
                <a:gd name="connsiteX1" fmla="*/ 0 w 689612"/>
                <a:gd name="connsiteY1" fmla="*/ 1313858 h 1658664"/>
                <a:gd name="connsiteX2" fmla="*/ 344806 w 689612"/>
                <a:gd name="connsiteY2" fmla="*/ 1658665 h 1658664"/>
                <a:gd name="connsiteX3" fmla="*/ 689613 w 689612"/>
                <a:gd name="connsiteY3" fmla="*/ 1313858 h 1658664"/>
                <a:gd name="connsiteX4" fmla="*/ 689613 w 689612"/>
                <a:gd name="connsiteY4" fmla="*/ 0 h 1658664"/>
                <a:gd name="connsiteX5" fmla="*/ 344806 w 689612"/>
                <a:gd name="connsiteY5" fmla="*/ 141517 h 1658664"/>
                <a:gd name="connsiteX6" fmla="*/ 0 w 689612"/>
                <a:gd name="connsiteY6" fmla="*/ 0 h 165866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658664">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w="4170" cap="flat">
              <a:noFill/>
              <a:prstDash val="solid"/>
              <a:miter/>
            </a:ln>
          </p:spPr>
          <p:txBody>
            <a:bodyPr rtlCol="0" anchor="ctr"/>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name="connsiteX0" fmla="*/ 778761 w 898586"/>
                <a:gd name="connsiteY0" fmla="*/ 143899 h 898586"/>
                <a:gd name="connsiteX1" fmla="*/ 449293 w 898586"/>
                <a:gd name="connsiteY1" fmla="*/ 0 h 898586"/>
                <a:gd name="connsiteX2" fmla="*/ 119825 w 898586"/>
                <a:gd name="connsiteY2" fmla="*/ 143899 h 898586"/>
                <a:gd name="connsiteX3" fmla="*/ 0 w 898586"/>
                <a:gd name="connsiteY3" fmla="*/ 449293 h 898586"/>
                <a:gd name="connsiteX4" fmla="*/ 119825 w 898586"/>
                <a:gd name="connsiteY4" fmla="*/ 754687 h 898586"/>
                <a:gd name="connsiteX5" fmla="*/ 449293 w 898586"/>
                <a:gd name="connsiteY5" fmla="*/ 898586 h 898586"/>
                <a:gd name="connsiteX6" fmla="*/ 778761 w 898586"/>
                <a:gd name="connsiteY6" fmla="*/ 754687 h 898586"/>
                <a:gd name="connsiteX7" fmla="*/ 898586 w 898586"/>
                <a:gd name="connsiteY7" fmla="*/ 449293 h 898586"/>
                <a:gd name="connsiteX8" fmla="*/ 778761 w 898586"/>
                <a:gd name="connsiteY8" fmla="*/ 143899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98586" h="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w="4170" cap="flat">
              <a:noFill/>
              <a:prstDash val="solid"/>
              <a:miter/>
            </a:ln>
          </p:spPr>
          <p:txBody>
            <a:bodyPr rtlCol="0" anchor="ctr"/>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name="connsiteX0" fmla="*/ 898586 w 898586"/>
                <a:gd name="connsiteY0" fmla="*/ 449293 h 898586"/>
                <a:gd name="connsiteX1" fmla="*/ 778761 w 898586"/>
                <a:gd name="connsiteY1" fmla="*/ 143899 h 898586"/>
                <a:gd name="connsiteX2" fmla="*/ 449293 w 898586"/>
                <a:gd name="connsiteY2" fmla="*/ 0 h 898586"/>
                <a:gd name="connsiteX3" fmla="*/ 119825 w 898586"/>
                <a:gd name="connsiteY3" fmla="*/ 143899 h 898586"/>
                <a:gd name="connsiteX4" fmla="*/ 0 w 898586"/>
                <a:gd name="connsiteY4" fmla="*/ 449293 h 898586"/>
                <a:gd name="connsiteX5" fmla="*/ 119825 w 898586"/>
                <a:gd name="connsiteY5" fmla="*/ 754687 h 898586"/>
                <a:gd name="connsiteX6" fmla="*/ 449293 w 898586"/>
                <a:gd name="connsiteY6" fmla="*/ 898586 h 898586"/>
                <a:gd name="connsiteX7" fmla="*/ 778761 w 898586"/>
                <a:gd name="connsiteY7" fmla="*/ 754687 h 898586"/>
                <a:gd name="connsiteX8" fmla="*/ 898586 w 898586"/>
                <a:gd name="connsiteY8" fmla="*/ 449293 h 898586"/>
                <a:gd name="connsiteX9" fmla="*/ 450129 w 898586"/>
                <a:gd name="connsiteY9" fmla="*/ 681170 h 898586"/>
                <a:gd name="connsiteX10" fmla="*/ 218252 w 898586"/>
                <a:gd name="connsiteY10" fmla="*/ 449293 h 898586"/>
                <a:gd name="connsiteX11" fmla="*/ 450129 w 898586"/>
                <a:gd name="connsiteY11" fmla="*/ 217416 h 898586"/>
                <a:gd name="connsiteX12" fmla="*/ 682006 w 898586"/>
                <a:gd name="connsiteY12" fmla="*/ 449293 h 898586"/>
                <a:gd name="connsiteX13" fmla="*/ 450129 w 898586"/>
                <a:gd name="connsiteY13" fmla="*/ 681170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898586" h="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w="4170"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name="connsiteX0" fmla="*/ 0 w 689612"/>
                <a:gd name="connsiteY0" fmla="*/ 0 h 668130"/>
                <a:gd name="connsiteX1" fmla="*/ 0 w 689612"/>
                <a:gd name="connsiteY1" fmla="*/ 323324 h 668130"/>
                <a:gd name="connsiteX2" fmla="*/ 344806 w 689612"/>
                <a:gd name="connsiteY2" fmla="*/ 668130 h 668130"/>
                <a:gd name="connsiteX3" fmla="*/ 689613 w 689612"/>
                <a:gd name="connsiteY3" fmla="*/ 323324 h 668130"/>
                <a:gd name="connsiteX4" fmla="*/ 689613 w 689612"/>
                <a:gd name="connsiteY4" fmla="*/ 0 h 668130"/>
                <a:gd name="connsiteX5" fmla="*/ 344806 w 689612"/>
                <a:gd name="connsiteY5" fmla="*/ 141517 h 668130"/>
                <a:gd name="connsiteX6" fmla="*/ 0 w 689612"/>
                <a:gd name="connsiteY6" fmla="*/ 0 h 6681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668130">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w="4170"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w="4170" cap="flat">
              <a:noFill/>
              <a:prstDash val="solid"/>
              <a:miter/>
            </a:ln>
          </p:spPr>
          <p:txBody>
            <a:bodyPr rtlCol="0" anchor="ctr"/>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name="adj" fmla="val 50000"/>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name="connsiteX0" fmla="*/ 689612 w 689612"/>
              <a:gd name="connsiteY0" fmla="*/ 604072 h 604072"/>
              <a:gd name="connsiteX1" fmla="*/ 689612 w 689612"/>
              <a:gd name="connsiteY1" fmla="*/ 344806 h 604072"/>
              <a:gd name="connsiteX2" fmla="*/ 344806 w 689612"/>
              <a:gd name="connsiteY2" fmla="*/ 0 h 604072"/>
              <a:gd name="connsiteX3" fmla="*/ 0 w 689612"/>
              <a:gd name="connsiteY3" fmla="*/ 344806 h 604072"/>
              <a:gd name="connsiteX4" fmla="*/ 0 w 689612"/>
              <a:gd name="connsiteY4" fmla="*/ 601927 h 604072"/>
              <a:gd name="connsiteX5" fmla="*/ 73780 w 689612"/>
              <a:gd name="connsiteY5" fmla="*/ 541324 h 604072"/>
              <a:gd name="connsiteX6" fmla="*/ 344830 w 689612"/>
              <a:gd name="connsiteY6" fmla="*/ 459485 h 604072"/>
              <a:gd name="connsiteX7" fmla="*/ 626899 w 689612"/>
              <a:gd name="connsiteY7" fmla="*/ 549675 h 60407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689612" h="60407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name="connsiteX0" fmla="*/ 689613 w 689612"/>
              <a:gd name="connsiteY0" fmla="*/ 1545819 h 1545818"/>
              <a:gd name="connsiteX1" fmla="*/ 689613 w 689612"/>
              <a:gd name="connsiteY1" fmla="*/ 344806 h 1545818"/>
              <a:gd name="connsiteX2" fmla="*/ 344806 w 689612"/>
              <a:gd name="connsiteY2" fmla="*/ 0 h 1545818"/>
              <a:gd name="connsiteX3" fmla="*/ 0 w 689612"/>
              <a:gd name="connsiteY3" fmla="*/ 344806 h 1545818"/>
              <a:gd name="connsiteX4" fmla="*/ 0 w 689612"/>
              <a:gd name="connsiteY4" fmla="*/ 1545819 h 1545818"/>
              <a:gd name="connsiteX5" fmla="*/ 344806 w 689612"/>
              <a:gd name="connsiteY5" fmla="*/ 1404302 h 1545818"/>
              <a:gd name="connsiteX6" fmla="*/ 689613 w 689612"/>
              <a:gd name="connsiteY6" fmla="*/ 1545819 h 154581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545818">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w="4170" cap="flat">
            <a:noFill/>
            <a:prstDash val="solid"/>
            <a:miter/>
          </a:ln>
        </p:spPr>
        <p:txBody>
          <a:bodyPr rtlCol="0" anchor="ctr"/>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name="connsiteX0" fmla="*/ 332268 w 689612"/>
              <a:gd name="connsiteY0" fmla="*/ 154348 h 1115626"/>
              <a:gd name="connsiteX1" fmla="*/ 0 w 689612"/>
              <a:gd name="connsiteY1" fmla="*/ 24742 h 1115626"/>
              <a:gd name="connsiteX2" fmla="*/ 0 w 689612"/>
              <a:gd name="connsiteY2" fmla="*/ 770820 h 1115626"/>
              <a:gd name="connsiteX3" fmla="*/ 344806 w 689612"/>
              <a:gd name="connsiteY3" fmla="*/ 1115626 h 1115626"/>
              <a:gd name="connsiteX4" fmla="*/ 689613 w 689612"/>
              <a:gd name="connsiteY4" fmla="*/ 770820 h 1115626"/>
              <a:gd name="connsiteX5" fmla="*/ 689613 w 689612"/>
              <a:gd name="connsiteY5" fmla="*/ 0 h 1115626"/>
              <a:gd name="connsiteX6" fmla="*/ 332268 w 689612"/>
              <a:gd name="connsiteY6" fmla="*/ 154348 h 11156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689612" h="1115626">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w="4170" cap="flat">
            <a:noFill/>
            <a:prstDash val="solid"/>
            <a:miter/>
          </a:ln>
        </p:spPr>
        <p:txBody>
          <a:bodyPr rtlCol="0" anchor="ctr"/>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name="connsiteX0" fmla="*/ 463754 w 463754"/>
                <a:gd name="connsiteY0" fmla="*/ 231877 h 463754"/>
                <a:gd name="connsiteX1" fmla="*/ 231877 w 463754"/>
                <a:gd name="connsiteY1" fmla="*/ 463754 h 463754"/>
                <a:gd name="connsiteX2" fmla="*/ 0 w 463754"/>
                <a:gd name="connsiteY2" fmla="*/ 231877 h 463754"/>
                <a:gd name="connsiteX3" fmla="*/ 231877 w 463754"/>
                <a:gd name="connsiteY3" fmla="*/ 0 h 463754"/>
                <a:gd name="connsiteX4" fmla="*/ 463754 w 463754"/>
                <a:gd name="connsiteY4" fmla="*/ 231877 h 46375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63754" h="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w="4170" cap="flat">
              <a:noFill/>
              <a:prstDash val="solid"/>
              <a:miter/>
            </a:ln>
          </p:spPr>
          <p:txBody>
            <a:bodyPr rtlCol="0" anchor="ctr"/>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name="connsiteX0" fmla="*/ 344806 w 689612"/>
              <a:gd name="connsiteY0" fmla="*/ 0 h 1040255"/>
              <a:gd name="connsiteX1" fmla="*/ 689612 w 689612"/>
              <a:gd name="connsiteY1" fmla="*/ 344806 h 1040255"/>
              <a:gd name="connsiteX2" fmla="*/ 689612 w 689612"/>
              <a:gd name="connsiteY2" fmla="*/ 1040255 h 1040255"/>
              <a:gd name="connsiteX3" fmla="*/ 627576 w 689612"/>
              <a:gd name="connsiteY3" fmla="*/ 985933 h 1040255"/>
              <a:gd name="connsiteX4" fmla="*/ 344784 w 689612"/>
              <a:gd name="connsiteY4" fmla="*/ 895743 h 1040255"/>
              <a:gd name="connsiteX5" fmla="*/ 73011 w 689612"/>
              <a:gd name="connsiteY5" fmla="*/ 977582 h 1040255"/>
              <a:gd name="connsiteX6" fmla="*/ 0 w 689612"/>
              <a:gd name="connsiteY6" fmla="*/ 1038140 h 1040255"/>
              <a:gd name="connsiteX7" fmla="*/ 0 w 689612"/>
              <a:gd name="connsiteY7" fmla="*/ 344806 h 1040255"/>
              <a:gd name="connsiteX8" fmla="*/ 344806 w 689612"/>
              <a:gd name="connsiteY8" fmla="*/ 0 h 10402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89612" h="1040255">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w="4170" cap="flat">
              <a:noFill/>
              <a:prstDash val="solid"/>
              <a:miter/>
            </a:ln>
          </p:spPr>
          <p:txBody>
            <a:bodyPr rtlCol="0" anchor="ctr"/>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w="53975" cap="flat">
              <a:noFill/>
              <a:prstDash val="solid"/>
              <a:miter/>
            </a:ln>
          </p:spPr>
          <p:txBody>
            <a:bodyPr rtlCol="0" anchor="ctr"/>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name="connsiteX0" fmla="*/ 790756 w 898627"/>
                <a:gd name="connsiteY0" fmla="*/ 157399 h 898586"/>
                <a:gd name="connsiteX1" fmla="*/ 778761 w 898627"/>
                <a:gd name="connsiteY1" fmla="*/ 143899 h 898586"/>
                <a:gd name="connsiteX2" fmla="*/ 449293 w 898627"/>
                <a:gd name="connsiteY2" fmla="*/ 0 h 898586"/>
                <a:gd name="connsiteX3" fmla="*/ 131779 w 898627"/>
                <a:gd name="connsiteY3" fmla="*/ 131486 h 898586"/>
                <a:gd name="connsiteX4" fmla="*/ 119784 w 898627"/>
                <a:gd name="connsiteY4" fmla="*/ 143857 h 898586"/>
                <a:gd name="connsiteX5" fmla="*/ 0 w 898627"/>
                <a:gd name="connsiteY5" fmla="*/ 449335 h 898586"/>
                <a:gd name="connsiteX6" fmla="*/ 119825 w 898627"/>
                <a:gd name="connsiteY6" fmla="*/ 754729 h 898586"/>
                <a:gd name="connsiteX7" fmla="*/ 131821 w 898627"/>
                <a:gd name="connsiteY7" fmla="*/ 767100 h 898586"/>
                <a:gd name="connsiteX8" fmla="*/ 449335 w 898627"/>
                <a:gd name="connsiteY8" fmla="*/ 898586 h 898586"/>
                <a:gd name="connsiteX9" fmla="*/ 778803 w 898627"/>
                <a:gd name="connsiteY9" fmla="*/ 754687 h 898586"/>
                <a:gd name="connsiteX10" fmla="*/ 790798 w 898627"/>
                <a:gd name="connsiteY10" fmla="*/ 741187 h 898586"/>
                <a:gd name="connsiteX11" fmla="*/ 898628 w 898627"/>
                <a:gd name="connsiteY11" fmla="*/ 449251 h 898586"/>
                <a:gd name="connsiteX12" fmla="*/ 790798 w 898627"/>
                <a:gd name="connsiteY12" fmla="*/ 157315 h 8985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898627" h="898586">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w="53975" cap="flat">
              <a:noFill/>
              <a:prstDash val="solid"/>
              <a:miter/>
            </a:ln>
          </p:spPr>
          <p:txBody>
            <a:bodyPr rtlCol="0" anchor="ctr"/>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wrap="square" rtlCol="0">
            <a:spAutoFit/>
          </a:bodyPr>
          <a:lstStyle/>
          <a:p>
            <a:pPr marL="342900" indent="-342900" algn="l">
              <a:buClr>
                <a:srgbClr val="008CCF"/>
              </a:buClr>
              <a:buFont typeface="Arial" panose="020B0604020202020204" pitchFamily="34" charset="0"/>
              <a:buChar char="•"/>
            </a:pPr>
            <a:r>
              <a:rPr lang="es-ES" sz="2400"/>
              <a:t>Introduction to the concept of DHIS2 customization</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wrap="square" rtlCol="0">
            <a:spAutoFit/>
          </a:bodyPr>
          <a:lstStyle/>
          <a:p>
            <a:pPr marL="342900" indent="-342900" algn="l">
              <a:buClr>
                <a:srgbClr val="008CCF"/>
              </a:buClr>
              <a:buFont typeface="Arial" panose="020B0604020202020204" pitchFamily="34" charset="0"/>
              <a:buChar char="•"/>
            </a:pPr>
            <a:r>
              <a:rPr lang="es-ES" sz="2400"/>
              <a:t>Why it is an essential part of DHIS2 implementation</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wrap="square" rtlCol="0">
            <a:spAutoFit/>
          </a:bodyPr>
          <a:lstStyle/>
          <a:p>
            <a:pPr algn="ctr">
              <a:buClr>
                <a:srgbClr val="008CCF"/>
              </a:buClr>
            </a:pPr>
            <a:r>
              <a:rPr lang="es-ES" sz="2400"/>
              <a:t>What does customization mean in DHIS2?</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spd="slow" advTm="10497">
        <p159:morph option="byObject"/>
      </p:transition>
    </mc:Choice>
    <mc:Fallback xmlns="">
      <p:transition spd="slow" advTm="10497">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8"/>
                                        </p:tgtEl>
                                        <p:attrNameLst>
                                          <p:attrName>style.visibility</p:attrName>
                                        </p:attrNameLst>
                                      </p:cBhvr>
                                      <p:to>
                                        <p:strVal val="visible"/>
                                      </p:to>
                                    </p:set>
                                    <p:animEffect transition="in" filter="fade">
                                      <p:cBhvr>
                                        <p:cTn id="7" dur="500"/>
                                        <p:tgtEl>
                                          <p:spTgt spid="38"/>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9"/>
                                        </p:tgtEl>
                                        <p:attrNameLst>
                                          <p:attrName>style.visibility</p:attrName>
                                        </p:attrNameLst>
                                      </p:cBhvr>
                                      <p:to>
                                        <p:strVal val="visible"/>
                                      </p:to>
                                    </p:set>
                                    <p:animEffect transition="in" filter="fade">
                                      <p:cBhvr>
                                        <p:cTn id="12" dur="500"/>
                                        <p:tgtEl>
                                          <p:spTgt spid="3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8" grpId="0"/>
      <p:bldP spid="39"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name="connsiteX0" fmla="*/ 0 w 429280"/>
                  <a:gd name="connsiteY0" fmla="*/ 0 h 174012"/>
                  <a:gd name="connsiteX1" fmla="*/ 0 w 429280"/>
                  <a:gd name="connsiteY1" fmla="*/ 89689 h 174012"/>
                  <a:gd name="connsiteX2" fmla="*/ 214640 w 429280"/>
                  <a:gd name="connsiteY2" fmla="*/ 174012 h 174012"/>
                  <a:gd name="connsiteX3" fmla="*/ 429281 w 429280"/>
                  <a:gd name="connsiteY3" fmla="*/ 89689 h 174012"/>
                  <a:gd name="connsiteX4" fmla="*/ 429281 w 429280"/>
                  <a:gd name="connsiteY4" fmla="*/ 0 h 174012"/>
                  <a:gd name="connsiteX5" fmla="*/ 214640 w 429280"/>
                  <a:gd name="connsiteY5" fmla="*/ 75891 h 174012"/>
                  <a:gd name="connsiteX6" fmla="*/ 0 w 429280"/>
                  <a:gd name="connsiteY6" fmla="*/ 0 h 1740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29280" h="174012">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w="7640" cap="flat">
                <a:noFill/>
                <a:prstDash val="solid"/>
                <a:miter/>
              </a:ln>
            </p:spPr>
            <p:txBody>
              <a:bodyPr rtlCol="0" anchor="ctr"/>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name="connsiteX0" fmla="*/ 334226 w 668451"/>
                  <a:gd name="connsiteY0" fmla="*/ 236871 h 291297"/>
                  <a:gd name="connsiteX1" fmla="*/ 668452 w 668451"/>
                  <a:gd name="connsiteY1" fmla="*/ 119585 h 291297"/>
                  <a:gd name="connsiteX2" fmla="*/ 334226 w 668451"/>
                  <a:gd name="connsiteY2" fmla="*/ 0 h 291297"/>
                  <a:gd name="connsiteX3" fmla="*/ 0 w 668451"/>
                  <a:gd name="connsiteY3" fmla="*/ 119585 h 291297"/>
                  <a:gd name="connsiteX4" fmla="*/ 42928 w 668451"/>
                  <a:gd name="connsiteY4" fmla="*/ 134917 h 291297"/>
                  <a:gd name="connsiteX5" fmla="*/ 42928 w 668451"/>
                  <a:gd name="connsiteY5" fmla="*/ 275966 h 291297"/>
                  <a:gd name="connsiteX6" fmla="*/ 58260 w 668451"/>
                  <a:gd name="connsiteY6" fmla="*/ 291298 h 291297"/>
                  <a:gd name="connsiteX7" fmla="*/ 73591 w 668451"/>
                  <a:gd name="connsiteY7" fmla="*/ 275966 h 291297"/>
                  <a:gd name="connsiteX8" fmla="*/ 73591 w 668451"/>
                  <a:gd name="connsiteY8" fmla="*/ 145649 h 291297"/>
                  <a:gd name="connsiteX9" fmla="*/ 334226 w 668451"/>
                  <a:gd name="connsiteY9" fmla="*/ 236871 h 2912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668451" h="291297">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w="7640" cap="flat">
                <a:noFill/>
                <a:prstDash val="solid"/>
                <a:miter/>
              </a:ln>
            </p:spPr>
            <p:txBody>
              <a:bodyPr rtlCol="0" anchor="ctr"/>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name="connsiteX0" fmla="*/ 300492 w 493114"/>
                  <a:gd name="connsiteY0" fmla="*/ 161803 h 369836"/>
                  <a:gd name="connsiteX1" fmla="*/ 263508 w 493114"/>
                  <a:gd name="connsiteY1" fmla="*/ 161803 h 369836"/>
                  <a:gd name="connsiteX2" fmla="*/ 246557 w 493114"/>
                  <a:gd name="connsiteY2" fmla="*/ 140615 h 369836"/>
                  <a:gd name="connsiteX3" fmla="*/ 246557 w 493114"/>
                  <a:gd name="connsiteY3" fmla="*/ 77049 h 369836"/>
                  <a:gd name="connsiteX4" fmla="*/ 323607 w 493114"/>
                  <a:gd name="connsiteY4" fmla="*/ 77049 h 369836"/>
                  <a:gd name="connsiteX5" fmla="*/ 323607 w 493114"/>
                  <a:gd name="connsiteY5" fmla="*/ 30820 h 369836"/>
                  <a:gd name="connsiteX6" fmla="*/ 263508 w 493114"/>
                  <a:gd name="connsiteY6" fmla="*/ 30820 h 369836"/>
                  <a:gd name="connsiteX7" fmla="*/ 238852 w 493114"/>
                  <a:gd name="connsiteY7" fmla="*/ 0 h 369836"/>
                  <a:gd name="connsiteX8" fmla="*/ 177213 w 493114"/>
                  <a:gd name="connsiteY8" fmla="*/ 0 h 369836"/>
                  <a:gd name="connsiteX9" fmla="*/ 152557 w 493114"/>
                  <a:gd name="connsiteY9" fmla="*/ 30820 h 369836"/>
                  <a:gd name="connsiteX10" fmla="*/ 92459 w 493114"/>
                  <a:gd name="connsiteY10" fmla="*/ 30820 h 369836"/>
                  <a:gd name="connsiteX11" fmla="*/ 92459 w 493114"/>
                  <a:gd name="connsiteY11" fmla="*/ 77049 h 369836"/>
                  <a:gd name="connsiteX12" fmla="*/ 169508 w 493114"/>
                  <a:gd name="connsiteY12" fmla="*/ 77049 h 369836"/>
                  <a:gd name="connsiteX13" fmla="*/ 169508 w 493114"/>
                  <a:gd name="connsiteY13" fmla="*/ 140615 h 369836"/>
                  <a:gd name="connsiteX14" fmla="*/ 152557 w 493114"/>
                  <a:gd name="connsiteY14" fmla="*/ 161803 h 369836"/>
                  <a:gd name="connsiteX15" fmla="*/ 0 w 493114"/>
                  <a:gd name="connsiteY15" fmla="*/ 161803 h 369836"/>
                  <a:gd name="connsiteX16" fmla="*/ 0 w 493114"/>
                  <a:gd name="connsiteY16" fmla="*/ 285082 h 369836"/>
                  <a:gd name="connsiteX17" fmla="*/ 300492 w 493114"/>
                  <a:gd name="connsiteY17" fmla="*/ 285082 h 369836"/>
                  <a:gd name="connsiteX18" fmla="*/ 369836 w 493114"/>
                  <a:gd name="connsiteY18" fmla="*/ 354426 h 369836"/>
                  <a:gd name="connsiteX19" fmla="*/ 369836 w 493114"/>
                  <a:gd name="connsiteY19" fmla="*/ 369836 h 369836"/>
                  <a:gd name="connsiteX20" fmla="*/ 493115 w 493114"/>
                  <a:gd name="connsiteY20" fmla="*/ 369836 h 369836"/>
                  <a:gd name="connsiteX21" fmla="*/ 493115 w 493114"/>
                  <a:gd name="connsiteY21" fmla="*/ 354426 h 369836"/>
                  <a:gd name="connsiteX22" fmla="*/ 300492 w 493114"/>
                  <a:gd name="connsiteY22" fmla="*/ 161803 h 3698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493114" h="369836">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w="7640" cap="flat">
                <a:noFill/>
                <a:prstDash val="solid"/>
                <a:miter/>
              </a:ln>
            </p:spPr>
            <p:txBody>
              <a:bodyPr rtlCol="0" anchor="ctr"/>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name="connsiteX0" fmla="*/ 4 w 105126"/>
                  <a:gd name="connsiteY0" fmla="*/ 108516 h 161715"/>
                  <a:gd name="connsiteX1" fmla="*/ 51927 w 105126"/>
                  <a:gd name="connsiteY1" fmla="*/ 161712 h 161715"/>
                  <a:gd name="connsiteX2" fmla="*/ 105122 w 105126"/>
                  <a:gd name="connsiteY2" fmla="*/ 109789 h 161715"/>
                  <a:gd name="connsiteX3" fmla="*/ 105122 w 105126"/>
                  <a:gd name="connsiteY3" fmla="*/ 108516 h 161715"/>
                  <a:gd name="connsiteX4" fmla="*/ 52567 w 105126"/>
                  <a:gd name="connsiteY4" fmla="*/ 0 h 161715"/>
                  <a:gd name="connsiteX5" fmla="*/ 4 w 105126"/>
                  <a:gd name="connsiteY5" fmla="*/ 108516 h 1617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5126" h="161715">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w="7640" cap="flat">
                <a:noFill/>
                <a:prstDash val="solid"/>
                <a:miter/>
              </a:ln>
            </p:spPr>
            <p:txBody>
              <a:bodyPr rtlCol="0" anchor="ctr"/>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name="connsiteX0" fmla="*/ 138113 w 276225"/>
                  <a:gd name="connsiteY0" fmla="*/ 185738 h 276225"/>
                  <a:gd name="connsiteX1" fmla="*/ 90488 w 276225"/>
                  <a:gd name="connsiteY1" fmla="*/ 138113 h 276225"/>
                  <a:gd name="connsiteX2" fmla="*/ 138113 w 276225"/>
                  <a:gd name="connsiteY2" fmla="*/ 90488 h 276225"/>
                  <a:gd name="connsiteX3" fmla="*/ 185738 w 276225"/>
                  <a:gd name="connsiteY3" fmla="*/ 138113 h 276225"/>
                  <a:gd name="connsiteX4" fmla="*/ 138113 w 276225"/>
                  <a:gd name="connsiteY4" fmla="*/ 185738 h 276225"/>
                  <a:gd name="connsiteX5" fmla="*/ 138113 w 276225"/>
                  <a:gd name="connsiteY5" fmla="*/ 0 h 276225"/>
                  <a:gd name="connsiteX6" fmla="*/ 0 w 276225"/>
                  <a:gd name="connsiteY6" fmla="*/ 138113 h 276225"/>
                  <a:gd name="connsiteX7" fmla="*/ 138113 w 276225"/>
                  <a:gd name="connsiteY7" fmla="*/ 276225 h 276225"/>
                  <a:gd name="connsiteX8" fmla="*/ 276225 w 276225"/>
                  <a:gd name="connsiteY8" fmla="*/ 138113 h 276225"/>
                  <a:gd name="connsiteX9" fmla="*/ 138113 w 276225"/>
                  <a:gd name="connsiteY9" fmla="*/ 0 h 2762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276225" h="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w="9525" cap="flat">
                <a:noFill/>
                <a:prstDash val="solid"/>
                <a:miter/>
              </a:ln>
            </p:spPr>
            <p:txBody>
              <a:bodyPr rtlCol="0" anchor="ctr"/>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name="connsiteX0" fmla="*/ 0 w 247656"/>
                  <a:gd name="connsiteY0" fmla="*/ 0 h 314332"/>
                  <a:gd name="connsiteX1" fmla="*/ 247656 w 247656"/>
                  <a:gd name="connsiteY1" fmla="*/ 0 h 314332"/>
                  <a:gd name="connsiteX2" fmla="*/ 247656 w 247656"/>
                  <a:gd name="connsiteY2" fmla="*/ 314333 h 314332"/>
                  <a:gd name="connsiteX3" fmla="*/ 0 w 247656"/>
                  <a:gd name="connsiteY3" fmla="*/ 314333 h 314332"/>
                </a:gdLst>
                <a:ahLst/>
                <a:cxnLst>
                  <a:cxn ang="0">
                    <a:pos x="connsiteX0" y="connsiteY0"/>
                  </a:cxn>
                  <a:cxn ang="0">
                    <a:pos x="connsiteX1" y="connsiteY1"/>
                  </a:cxn>
                  <a:cxn ang="0">
                    <a:pos x="connsiteX2" y="connsiteY2"/>
                  </a:cxn>
                  <a:cxn ang="0">
                    <a:pos x="connsiteX3" y="connsiteY3"/>
                  </a:cxn>
                </a:cxnLst>
                <a:rect l="l" t="t" r="r" b="b"/>
                <a:pathLst>
                  <a:path w="247656" h="314332">
                    <a:moveTo>
                      <a:pt x="0" y="0"/>
                    </a:moveTo>
                    <a:lnTo>
                      <a:pt x="247656" y="0"/>
                    </a:lnTo>
                    <a:lnTo>
                      <a:pt x="247656" y="314333"/>
                    </a:lnTo>
                    <a:lnTo>
                      <a:pt x="0" y="314333"/>
                    </a:lnTo>
                    <a:close/>
                  </a:path>
                </a:pathLst>
              </a:custGeom>
              <a:solidFill>
                <a:schemeClr val="accent1"/>
              </a:solidFill>
              <a:ln w="9525" cap="flat">
                <a:noFill/>
                <a:prstDash val="solid"/>
                <a:miter/>
              </a:ln>
            </p:spPr>
            <p:txBody>
              <a:bodyPr rtlCol="0" anchor="ctr"/>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name="connsiteX0" fmla="*/ 231041 w 300573"/>
                  <a:gd name="connsiteY0" fmla="*/ 409575 h 429577"/>
                  <a:gd name="connsiteX1" fmla="*/ 300573 w 300573"/>
                  <a:gd name="connsiteY1" fmla="*/ 429578 h 429577"/>
                  <a:gd name="connsiteX2" fmla="*/ 127218 w 300573"/>
                  <a:gd name="connsiteY2" fmla="*/ 2857 h 429577"/>
                  <a:gd name="connsiteX3" fmla="*/ 126266 w 300573"/>
                  <a:gd name="connsiteY3" fmla="*/ 0 h 429577"/>
                  <a:gd name="connsiteX4" fmla="*/ 72926 w 300573"/>
                  <a:gd name="connsiteY4" fmla="*/ 21907 h 429577"/>
                  <a:gd name="connsiteX5" fmla="*/ 73878 w 300573"/>
                  <a:gd name="connsiteY5" fmla="*/ 24765 h 429577"/>
                  <a:gd name="connsiteX6" fmla="*/ 95786 w 300573"/>
                  <a:gd name="connsiteY6" fmla="*/ 79057 h 429577"/>
                  <a:gd name="connsiteX7" fmla="*/ 17681 w 300573"/>
                  <a:gd name="connsiteY7" fmla="*/ 111442 h 429577"/>
                  <a:gd name="connsiteX8" fmla="*/ 2441 w 300573"/>
                  <a:gd name="connsiteY8" fmla="*/ 148590 h 429577"/>
                  <a:gd name="connsiteX9" fmla="*/ 29111 w 300573"/>
                  <a:gd name="connsiteY9" fmla="*/ 166688 h 429577"/>
                  <a:gd name="connsiteX10" fmla="*/ 39588 w 300573"/>
                  <a:gd name="connsiteY10" fmla="*/ 164783 h 429577"/>
                  <a:gd name="connsiteX11" fmla="*/ 117693 w 300573"/>
                  <a:gd name="connsiteY11" fmla="*/ 132398 h 429577"/>
                  <a:gd name="connsiteX12" fmla="*/ 231041 w 300573"/>
                  <a:gd name="connsiteY12" fmla="*/ 409575 h 4295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300573" h="429577">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w="9525" cap="flat">
                <a:noFill/>
                <a:prstDash val="solid"/>
                <a:miter/>
              </a:ln>
            </p:spPr>
            <p:txBody>
              <a:bodyPr rtlCol="0" anchor="ctr"/>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name="connsiteX0" fmla="*/ 223838 w 252412"/>
                  <a:gd name="connsiteY0" fmla="*/ 0 h 152400"/>
                  <a:gd name="connsiteX1" fmla="*/ 212408 w 252412"/>
                  <a:gd name="connsiteY1" fmla="*/ 1905 h 152400"/>
                  <a:gd name="connsiteX2" fmla="*/ 19050 w 252412"/>
                  <a:gd name="connsiteY2" fmla="*/ 81915 h 152400"/>
                  <a:gd name="connsiteX3" fmla="*/ 0 w 252412"/>
                  <a:gd name="connsiteY3" fmla="*/ 151448 h 152400"/>
                  <a:gd name="connsiteX4" fmla="*/ 0 w 252412"/>
                  <a:gd name="connsiteY4" fmla="*/ 152400 h 152400"/>
                  <a:gd name="connsiteX5" fmla="*/ 232410 w 252412"/>
                  <a:gd name="connsiteY5" fmla="*/ 55245 h 152400"/>
                  <a:gd name="connsiteX6" fmla="*/ 252413 w 252412"/>
                  <a:gd name="connsiteY6" fmla="*/ 28575 h 152400"/>
                  <a:gd name="connsiteX7" fmla="*/ 223838 w 252412"/>
                  <a:gd name="connsiteY7" fmla="*/ 0 h 1524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52412" h="152400">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w="9525" cap="flat">
                <a:noFill/>
                <a:prstDash val="solid"/>
                <a:miter/>
              </a:ln>
            </p:spPr>
            <p:txBody>
              <a:bodyPr rtlCol="0" anchor="ctr"/>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name="connsiteX0" fmla="*/ 419100 w 457200"/>
                <a:gd name="connsiteY0" fmla="*/ 152400 h 457200"/>
                <a:gd name="connsiteX1" fmla="*/ 304800 w 457200"/>
                <a:gd name="connsiteY1" fmla="*/ 152400 h 457200"/>
                <a:gd name="connsiteX2" fmla="*/ 304800 w 457200"/>
                <a:gd name="connsiteY2" fmla="*/ 38100 h 457200"/>
                <a:gd name="connsiteX3" fmla="*/ 266700 w 457200"/>
                <a:gd name="connsiteY3" fmla="*/ 0 h 457200"/>
                <a:gd name="connsiteX4" fmla="*/ 190500 w 457200"/>
                <a:gd name="connsiteY4" fmla="*/ 0 h 457200"/>
                <a:gd name="connsiteX5" fmla="*/ 152400 w 457200"/>
                <a:gd name="connsiteY5" fmla="*/ 38100 h 457200"/>
                <a:gd name="connsiteX6" fmla="*/ 152400 w 457200"/>
                <a:gd name="connsiteY6" fmla="*/ 152400 h 457200"/>
                <a:gd name="connsiteX7" fmla="*/ 38100 w 457200"/>
                <a:gd name="connsiteY7" fmla="*/ 152400 h 457200"/>
                <a:gd name="connsiteX8" fmla="*/ 0 w 457200"/>
                <a:gd name="connsiteY8" fmla="*/ 190500 h 457200"/>
                <a:gd name="connsiteX9" fmla="*/ 0 w 457200"/>
                <a:gd name="connsiteY9" fmla="*/ 266700 h 457200"/>
                <a:gd name="connsiteX10" fmla="*/ 38100 w 457200"/>
                <a:gd name="connsiteY10" fmla="*/ 304800 h 457200"/>
                <a:gd name="connsiteX11" fmla="*/ 152400 w 457200"/>
                <a:gd name="connsiteY11" fmla="*/ 304800 h 457200"/>
                <a:gd name="connsiteX12" fmla="*/ 152400 w 457200"/>
                <a:gd name="connsiteY12" fmla="*/ 419100 h 457200"/>
                <a:gd name="connsiteX13" fmla="*/ 190500 w 457200"/>
                <a:gd name="connsiteY13" fmla="*/ 457200 h 457200"/>
                <a:gd name="connsiteX14" fmla="*/ 266700 w 457200"/>
                <a:gd name="connsiteY14" fmla="*/ 457200 h 457200"/>
                <a:gd name="connsiteX15" fmla="*/ 304800 w 457200"/>
                <a:gd name="connsiteY15" fmla="*/ 419100 h 457200"/>
                <a:gd name="connsiteX16" fmla="*/ 304800 w 457200"/>
                <a:gd name="connsiteY16" fmla="*/ 304800 h 457200"/>
                <a:gd name="connsiteX17" fmla="*/ 419100 w 457200"/>
                <a:gd name="connsiteY17" fmla="*/ 304800 h 457200"/>
                <a:gd name="connsiteX18" fmla="*/ 457200 w 457200"/>
                <a:gd name="connsiteY18" fmla="*/ 266700 h 457200"/>
                <a:gd name="connsiteX19" fmla="*/ 457200 w 457200"/>
                <a:gd name="connsiteY19" fmla="*/ 190500 h 457200"/>
                <a:gd name="connsiteX20" fmla="*/ 419100 w 457200"/>
                <a:gd name="connsiteY20" fmla="*/ 152400 h 4572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457200" h="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w="9525" cap="flat">
              <a:noFill/>
              <a:prstDash val="solid"/>
              <a:miter/>
            </a:ln>
          </p:spPr>
          <p:txBody>
            <a:bodyPr rtlCol="0" anchor="ctr"/>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id="6" name="Graphic 4" descr="Apple with solid fill">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name="connsiteX0" fmla="*/ 589044 w 625817"/>
                <a:gd name="connsiteY0" fmla="*/ 254441 h 758744"/>
                <a:gd name="connsiteX1" fmla="*/ 340442 w 625817"/>
                <a:gd name="connsiteY1" fmla="*/ 241106 h 758744"/>
                <a:gd name="connsiteX2" fmla="*/ 326154 w 625817"/>
                <a:gd name="connsiteY2" fmla="*/ 177289 h 758744"/>
                <a:gd name="connsiteX3" fmla="*/ 429977 w 625817"/>
                <a:gd name="connsiteY3" fmla="*/ 133474 h 758744"/>
                <a:gd name="connsiteX4" fmla="*/ 474744 w 625817"/>
                <a:gd name="connsiteY4" fmla="*/ 124 h 758744"/>
                <a:gd name="connsiteX5" fmla="*/ 341394 w 625817"/>
                <a:gd name="connsiteY5" fmla="*/ 44891 h 758744"/>
                <a:gd name="connsiteX6" fmla="*/ 301389 w 625817"/>
                <a:gd name="connsiteY6" fmla="*/ 124901 h 758744"/>
                <a:gd name="connsiteX7" fmla="*/ 194709 w 625817"/>
                <a:gd name="connsiteY7" fmla="*/ 14411 h 758744"/>
                <a:gd name="connsiteX8" fmla="*/ 165182 w 625817"/>
                <a:gd name="connsiteY8" fmla="*/ 62989 h 758744"/>
                <a:gd name="connsiteX9" fmla="*/ 283292 w 625817"/>
                <a:gd name="connsiteY9" fmla="*/ 240154 h 758744"/>
                <a:gd name="connsiteX10" fmla="*/ 36594 w 625817"/>
                <a:gd name="connsiteY10" fmla="*/ 253489 h 758744"/>
                <a:gd name="connsiteX11" fmla="*/ 313772 w 625817"/>
                <a:gd name="connsiteY11" fmla="*/ 733549 h 758744"/>
                <a:gd name="connsiteX12" fmla="*/ 589044 w 625817"/>
                <a:gd name="connsiteY12" fmla="*/ 254441 h 7587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625817" h="758744">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w="9525" cap="flat">
              <a:noFill/>
              <a:prstDash val="solid"/>
              <a:miter/>
            </a:ln>
          </p:spPr>
          <p:txBody>
            <a:bodyPr rtlCol="0" anchor="ctr"/>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id="3" name="Graphic 2" descr="Lion with solid fill">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spd="slow" p14:dur="2000" advTm="27420"/>
    </mc:Choice>
    <mc:Fallback xmlns="">
      <p:transition spd="slow" advTm="2742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nodeType="clickEffect">
                                  <p:stCondLst>
                                    <p:cond delay="0"/>
                                  </p:stCondLst>
                                  <p:childTnLst>
                                    <p:set>
                                      <p:cBhvr>
                                        <p:cTn id="6" dur="1" fill="hold">
                                          <p:stCondLst>
                                            <p:cond delay="0"/>
                                          </p:stCondLst>
                                        </p:cTn>
                                        <p:tgtEl>
                                          <p:spTgt spid="65"/>
                                        </p:tgtEl>
                                        <p:attrNameLst>
                                          <p:attrName>style.visibility</p:attrName>
                                        </p:attrNameLst>
                                      </p:cBhvr>
                                      <p:to>
                                        <p:strVal val="visible"/>
                                      </p:to>
                                    </p:set>
                                    <p:animEffect transition="in" filter="fade">
                                      <p:cBhvr>
                                        <p:cTn id="7" dur="1000"/>
                                        <p:tgtEl>
                                          <p:spTgt spid="65"/>
                                        </p:tgtEl>
                                      </p:cBhvr>
                                    </p:animEffect>
                                    <p:anim calcmode="lin" valueType="num">
                                      <p:cBhvr>
                                        <p:cTn id="8" dur="1000" fill="hold"/>
                                        <p:tgtEl>
                                          <p:spTgt spid="65"/>
                                        </p:tgtEl>
                                        <p:attrNameLst>
                                          <p:attrName>ppt_x</p:attrName>
                                        </p:attrNameLst>
                                      </p:cBhvr>
                                      <p:tavLst>
                                        <p:tav tm="0">
                                          <p:val>
                                            <p:strVal val="#ppt_x"/>
                                          </p:val>
                                        </p:tav>
                                        <p:tav tm="100000">
                                          <p:val>
                                            <p:strVal val="#ppt_x"/>
                                          </p:val>
                                        </p:tav>
                                      </p:tavLst>
                                    </p:anim>
                                    <p:anim calcmode="lin" valueType="num">
                                      <p:cBhvr>
                                        <p:cTn id="9" dur="1000" fill="hold"/>
                                        <p:tgtEl>
                                          <p:spTgt spid="65"/>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7" presetClass="entr" presetSubtype="0" fill="hold" nodeType="clickEffect">
                                  <p:stCondLst>
                                    <p:cond delay="0"/>
                                  </p:stCondLst>
                                  <p:childTnLst>
                                    <p:set>
                                      <p:cBhvr>
                                        <p:cTn id="13" dur="1" fill="hold">
                                          <p:stCondLst>
                                            <p:cond delay="0"/>
                                          </p:stCondLst>
                                        </p:cTn>
                                        <p:tgtEl>
                                          <p:spTgt spid="64"/>
                                        </p:tgtEl>
                                        <p:attrNameLst>
                                          <p:attrName>style.visibility</p:attrName>
                                        </p:attrNameLst>
                                      </p:cBhvr>
                                      <p:to>
                                        <p:strVal val="visible"/>
                                      </p:to>
                                    </p:set>
                                    <p:animEffect transition="in" filter="fade">
                                      <p:cBhvr>
                                        <p:cTn id="14" dur="1000"/>
                                        <p:tgtEl>
                                          <p:spTgt spid="64"/>
                                        </p:tgtEl>
                                      </p:cBhvr>
                                    </p:animEffect>
                                    <p:anim calcmode="lin" valueType="num">
                                      <p:cBhvr>
                                        <p:cTn id="15" dur="1000" fill="hold"/>
                                        <p:tgtEl>
                                          <p:spTgt spid="64"/>
                                        </p:tgtEl>
                                        <p:attrNameLst>
                                          <p:attrName>ppt_x</p:attrName>
                                        </p:attrNameLst>
                                      </p:cBhvr>
                                      <p:tavLst>
                                        <p:tav tm="0">
                                          <p:val>
                                            <p:strVal val="#ppt_x"/>
                                          </p:val>
                                        </p:tav>
                                        <p:tav tm="100000">
                                          <p:val>
                                            <p:strVal val="#ppt_x"/>
                                          </p:val>
                                        </p:tav>
                                      </p:tavLst>
                                    </p:anim>
                                    <p:anim calcmode="lin" valueType="num">
                                      <p:cBhvr>
                                        <p:cTn id="16" dur="1000" fill="hold"/>
                                        <p:tgtEl>
                                          <p:spTgt spid="64"/>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10" presetClass="entr" presetSubtype="0" fill="hold" nodeType="clickEffect">
                                  <p:stCondLst>
                                    <p:cond delay="0"/>
                                  </p:stCondLst>
                                  <p:childTnLst>
                                    <p:set>
                                      <p:cBhvr>
                                        <p:cTn id="20" dur="1" fill="hold">
                                          <p:stCondLst>
                                            <p:cond delay="0"/>
                                          </p:stCondLst>
                                        </p:cTn>
                                        <p:tgtEl>
                                          <p:spTgt spid="28"/>
                                        </p:tgtEl>
                                        <p:attrNameLst>
                                          <p:attrName>style.visibility</p:attrName>
                                        </p:attrNameLst>
                                      </p:cBhvr>
                                      <p:to>
                                        <p:strVal val="visible"/>
                                      </p:to>
                                    </p:set>
                                    <p:animEffect transition="in" filter="fade">
                                      <p:cBhvr>
                                        <p:cTn id="21" dur="500"/>
                                        <p:tgtEl>
                                          <p:spTgt spid="28"/>
                                        </p:tgtEl>
                                      </p:cBhvr>
                                    </p:animEffect>
                                  </p:childTnLst>
                                </p:cTn>
                              </p:par>
                            </p:childTnLst>
                          </p:cTn>
                        </p:par>
                      </p:childTnLst>
                    </p:cTn>
                  </p:par>
                  <p:par>
                    <p:cTn id="22" fill="hold">
                      <p:stCondLst>
                        <p:cond delay="indefinite"/>
                      </p:stCondLst>
                      <p:childTnLst>
                        <p:par>
                          <p:cTn id="23" fill="hold">
                            <p:stCondLst>
                              <p:cond delay="0"/>
                            </p:stCondLst>
                            <p:childTnLst>
                              <p:par>
                                <p:cTn id="24" presetID="10" presetClass="entr" presetSubtype="0" fill="hold" nodeType="clickEffect">
                                  <p:stCondLst>
                                    <p:cond delay="0"/>
                                  </p:stCondLst>
                                  <p:childTnLst>
                                    <p:set>
                                      <p:cBhvr>
                                        <p:cTn id="25" dur="1" fill="hold">
                                          <p:stCondLst>
                                            <p:cond delay="0"/>
                                          </p:stCondLst>
                                        </p:cTn>
                                        <p:tgtEl>
                                          <p:spTgt spid="31"/>
                                        </p:tgtEl>
                                        <p:attrNameLst>
                                          <p:attrName>style.visibility</p:attrName>
                                        </p:attrNameLst>
                                      </p:cBhvr>
                                      <p:to>
                                        <p:strVal val="visible"/>
                                      </p:to>
                                    </p:set>
                                    <p:animEffect transition="in" filter="fade">
                                      <p:cBhvr>
                                        <p:cTn id="26" dur="500"/>
                                        <p:tgtEl>
                                          <p:spTgt spid="31"/>
                                        </p:tgtEl>
                                      </p:cBhvr>
                                    </p:animEffect>
                                  </p:childTnLst>
                                </p:cTn>
                              </p:par>
                            </p:childTnLst>
                          </p:cTn>
                        </p:par>
                      </p:childTnLst>
                    </p:cTn>
                  </p:par>
                  <p:par>
                    <p:cTn id="27" fill="hold">
                      <p:stCondLst>
                        <p:cond delay="indefinite"/>
                      </p:stCondLst>
                      <p:childTnLst>
                        <p:par>
                          <p:cTn id="28" fill="hold">
                            <p:stCondLst>
                              <p:cond delay="0"/>
                            </p:stCondLst>
                            <p:childTnLst>
                              <p:par>
                                <p:cTn id="29" presetID="10" presetClass="entr" presetSubtype="0" fill="hold" nodeType="clickEffect">
                                  <p:stCondLst>
                                    <p:cond delay="0"/>
                                  </p:stCondLst>
                                  <p:childTnLst>
                                    <p:set>
                                      <p:cBhvr>
                                        <p:cTn id="30" dur="1" fill="hold">
                                          <p:stCondLst>
                                            <p:cond delay="0"/>
                                          </p:stCondLst>
                                        </p:cTn>
                                        <p:tgtEl>
                                          <p:spTgt spid="57"/>
                                        </p:tgtEl>
                                        <p:attrNameLst>
                                          <p:attrName>style.visibility</p:attrName>
                                        </p:attrNameLst>
                                      </p:cBhvr>
                                      <p:to>
                                        <p:strVal val="visible"/>
                                      </p:to>
                                    </p:set>
                                    <p:animEffect transition="in" filter="fade">
                                      <p:cBhvr>
                                        <p:cTn id="31" dur="500"/>
                                        <p:tgtEl>
                                          <p:spTgt spid="57"/>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nodeType="clickEffect">
                                  <p:stCondLst>
                                    <p:cond delay="0"/>
                                  </p:stCondLst>
                                  <p:childTnLst>
                                    <p:set>
                                      <p:cBhvr>
                                        <p:cTn id="35" dur="1" fill="hold">
                                          <p:stCondLst>
                                            <p:cond delay="0"/>
                                          </p:stCondLst>
                                        </p:cTn>
                                        <p:tgtEl>
                                          <p:spTgt spid="54"/>
                                        </p:tgtEl>
                                        <p:attrNameLst>
                                          <p:attrName>style.visibility</p:attrName>
                                        </p:attrNameLst>
                                      </p:cBhvr>
                                      <p:to>
                                        <p:strVal val="visible"/>
                                      </p:to>
                                    </p:set>
                                    <p:animEffect transition="in" filter="fade">
                                      <p:cBhvr>
                                        <p:cTn id="36" dur="500"/>
                                        <p:tgtEl>
                                          <p:spTgt spid="54"/>
                                        </p:tgtEl>
                                      </p:cBhvr>
                                    </p:animEffect>
                                  </p:childTnLst>
                                </p:cTn>
                              </p:par>
                            </p:childTnLst>
                          </p:cTn>
                        </p:par>
                      </p:childTnLst>
                    </p:cTn>
                  </p:par>
                  <p:par>
                    <p:cTn id="37" fill="hold">
                      <p:stCondLst>
                        <p:cond delay="indefinite"/>
                      </p:stCondLst>
                      <p:childTnLst>
                        <p:par>
                          <p:cTn id="38" fill="hold">
                            <p:stCondLst>
                              <p:cond delay="0"/>
                            </p:stCondLst>
                            <p:childTnLst>
                              <p:par>
                                <p:cTn id="39" presetID="10" presetClass="entr" presetSubtype="0" fill="hold" nodeType="clickEffect">
                                  <p:stCondLst>
                                    <p:cond delay="0"/>
                                  </p:stCondLst>
                                  <p:childTnLst>
                                    <p:set>
                                      <p:cBhvr>
                                        <p:cTn id="40" dur="1" fill="hold">
                                          <p:stCondLst>
                                            <p:cond delay="0"/>
                                          </p:stCondLst>
                                        </p:cTn>
                                        <p:tgtEl>
                                          <p:spTgt spid="9"/>
                                        </p:tgtEl>
                                        <p:attrNameLst>
                                          <p:attrName>style.visibility</p:attrName>
                                        </p:attrNameLst>
                                      </p:cBhvr>
                                      <p:to>
                                        <p:strVal val="visible"/>
                                      </p:to>
                                    </p:set>
                                    <p:animEffect transition="in" filter="fade">
                                      <p:cBhvr>
                                        <p:cTn id="41" dur="500"/>
                                        <p:tgtEl>
                                          <p:spTgt spid="9"/>
                                        </p:tgtEl>
                                      </p:cBhvr>
                                    </p:animEffect>
                                  </p:childTnLst>
                                </p:cTn>
                              </p:par>
                            </p:childTnLst>
                          </p:cTn>
                        </p:par>
                      </p:childTnLst>
                    </p:cTn>
                  </p:par>
                  <p:par>
                    <p:cTn id="42" fill="hold">
                      <p:stCondLst>
                        <p:cond delay="indefinite"/>
                      </p:stCondLst>
                      <p:childTnLst>
                        <p:par>
                          <p:cTn id="43" fill="hold">
                            <p:stCondLst>
                              <p:cond delay="0"/>
                            </p:stCondLst>
                            <p:childTnLst>
                              <p:par>
                                <p:cTn id="44" presetID="10" presetClass="entr" presetSubtype="0" fill="hold" nodeType="clickEffect">
                                  <p:stCondLst>
                                    <p:cond delay="0"/>
                                  </p:stCondLst>
                                  <p:childTnLst>
                                    <p:set>
                                      <p:cBhvr>
                                        <p:cTn id="45" dur="1" fill="hold">
                                          <p:stCondLst>
                                            <p:cond delay="0"/>
                                          </p:stCondLst>
                                        </p:cTn>
                                        <p:tgtEl>
                                          <p:spTgt spid="36"/>
                                        </p:tgtEl>
                                        <p:attrNameLst>
                                          <p:attrName>style.visibility</p:attrName>
                                        </p:attrNameLst>
                                      </p:cBhvr>
                                      <p:to>
                                        <p:strVal val="visible"/>
                                      </p:to>
                                    </p:set>
                                    <p:animEffect transition="in" filter="fade">
                                      <p:cBhvr>
                                        <p:cTn id="46" dur="500"/>
                                        <p:tgtEl>
                                          <p:spTgt spid="36"/>
                                        </p:tgtEl>
                                      </p:cBhvr>
                                    </p:animEffect>
                                  </p:childTnLst>
                                </p:cTn>
                              </p:par>
                            </p:childTnLst>
                          </p:cTn>
                        </p:par>
                      </p:childTnLst>
                    </p:cTn>
                  </p:par>
                  <p:par>
                    <p:cTn id="47" fill="hold">
                      <p:stCondLst>
                        <p:cond delay="indefinite"/>
                      </p:stCondLst>
                      <p:childTnLst>
                        <p:par>
                          <p:cTn id="48" fill="hold">
                            <p:stCondLst>
                              <p:cond delay="0"/>
                            </p:stCondLst>
                            <p:childTnLst>
                              <p:par>
                                <p:cTn id="49" presetID="10" presetClass="entr" presetSubtype="0" fill="hold" nodeType="clickEffect">
                                  <p:stCondLst>
                                    <p:cond delay="0"/>
                                  </p:stCondLst>
                                  <p:childTnLst>
                                    <p:set>
                                      <p:cBhvr>
                                        <p:cTn id="50" dur="1" fill="hold">
                                          <p:stCondLst>
                                            <p:cond delay="0"/>
                                          </p:stCondLst>
                                        </p:cTn>
                                        <p:tgtEl>
                                          <p:spTgt spid="8"/>
                                        </p:tgtEl>
                                        <p:attrNameLst>
                                          <p:attrName>style.visibility</p:attrName>
                                        </p:attrNameLst>
                                      </p:cBhvr>
                                      <p:to>
                                        <p:strVal val="visible"/>
                                      </p:to>
                                    </p:set>
                                    <p:animEffect transition="in" filter="fade">
                                      <p:cBhvr>
                                        <p:cTn id="51"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name="connsiteX0" fmla="*/ 0 w 429280"/>
                  <a:gd name="connsiteY0" fmla="*/ 0 h 174012"/>
                  <a:gd name="connsiteX1" fmla="*/ 0 w 429280"/>
                  <a:gd name="connsiteY1" fmla="*/ 89689 h 174012"/>
                  <a:gd name="connsiteX2" fmla="*/ 214640 w 429280"/>
                  <a:gd name="connsiteY2" fmla="*/ 174012 h 174012"/>
                  <a:gd name="connsiteX3" fmla="*/ 429281 w 429280"/>
                  <a:gd name="connsiteY3" fmla="*/ 89689 h 174012"/>
                  <a:gd name="connsiteX4" fmla="*/ 429281 w 429280"/>
                  <a:gd name="connsiteY4" fmla="*/ 0 h 174012"/>
                  <a:gd name="connsiteX5" fmla="*/ 214640 w 429280"/>
                  <a:gd name="connsiteY5" fmla="*/ 75891 h 174012"/>
                  <a:gd name="connsiteX6" fmla="*/ 0 w 429280"/>
                  <a:gd name="connsiteY6" fmla="*/ 0 h 1740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29280" h="174012">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w="7640" cap="flat">
                <a:noFill/>
                <a:prstDash val="solid"/>
                <a:miter/>
              </a:ln>
            </p:spPr>
            <p:txBody>
              <a:bodyPr rtlCol="0" anchor="ctr"/>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name="connsiteX0" fmla="*/ 334226 w 668451"/>
                  <a:gd name="connsiteY0" fmla="*/ 236871 h 291297"/>
                  <a:gd name="connsiteX1" fmla="*/ 668452 w 668451"/>
                  <a:gd name="connsiteY1" fmla="*/ 119585 h 291297"/>
                  <a:gd name="connsiteX2" fmla="*/ 334226 w 668451"/>
                  <a:gd name="connsiteY2" fmla="*/ 0 h 291297"/>
                  <a:gd name="connsiteX3" fmla="*/ 0 w 668451"/>
                  <a:gd name="connsiteY3" fmla="*/ 119585 h 291297"/>
                  <a:gd name="connsiteX4" fmla="*/ 42928 w 668451"/>
                  <a:gd name="connsiteY4" fmla="*/ 134917 h 291297"/>
                  <a:gd name="connsiteX5" fmla="*/ 42928 w 668451"/>
                  <a:gd name="connsiteY5" fmla="*/ 275966 h 291297"/>
                  <a:gd name="connsiteX6" fmla="*/ 58260 w 668451"/>
                  <a:gd name="connsiteY6" fmla="*/ 291298 h 291297"/>
                  <a:gd name="connsiteX7" fmla="*/ 73591 w 668451"/>
                  <a:gd name="connsiteY7" fmla="*/ 275966 h 291297"/>
                  <a:gd name="connsiteX8" fmla="*/ 73591 w 668451"/>
                  <a:gd name="connsiteY8" fmla="*/ 145649 h 291297"/>
                  <a:gd name="connsiteX9" fmla="*/ 334226 w 668451"/>
                  <a:gd name="connsiteY9" fmla="*/ 236871 h 2912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668451" h="291297">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w="7640" cap="flat">
                <a:noFill/>
                <a:prstDash val="solid"/>
                <a:miter/>
              </a:ln>
            </p:spPr>
            <p:txBody>
              <a:bodyPr rtlCol="0" anchor="ctr"/>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name="connsiteX0" fmla="*/ 300492 w 493114"/>
                  <a:gd name="connsiteY0" fmla="*/ 161803 h 369836"/>
                  <a:gd name="connsiteX1" fmla="*/ 263508 w 493114"/>
                  <a:gd name="connsiteY1" fmla="*/ 161803 h 369836"/>
                  <a:gd name="connsiteX2" fmla="*/ 246557 w 493114"/>
                  <a:gd name="connsiteY2" fmla="*/ 140615 h 369836"/>
                  <a:gd name="connsiteX3" fmla="*/ 246557 w 493114"/>
                  <a:gd name="connsiteY3" fmla="*/ 77049 h 369836"/>
                  <a:gd name="connsiteX4" fmla="*/ 323607 w 493114"/>
                  <a:gd name="connsiteY4" fmla="*/ 77049 h 369836"/>
                  <a:gd name="connsiteX5" fmla="*/ 323607 w 493114"/>
                  <a:gd name="connsiteY5" fmla="*/ 30820 h 369836"/>
                  <a:gd name="connsiteX6" fmla="*/ 263508 w 493114"/>
                  <a:gd name="connsiteY6" fmla="*/ 30820 h 369836"/>
                  <a:gd name="connsiteX7" fmla="*/ 238852 w 493114"/>
                  <a:gd name="connsiteY7" fmla="*/ 0 h 369836"/>
                  <a:gd name="connsiteX8" fmla="*/ 177213 w 493114"/>
                  <a:gd name="connsiteY8" fmla="*/ 0 h 369836"/>
                  <a:gd name="connsiteX9" fmla="*/ 152557 w 493114"/>
                  <a:gd name="connsiteY9" fmla="*/ 30820 h 369836"/>
                  <a:gd name="connsiteX10" fmla="*/ 92459 w 493114"/>
                  <a:gd name="connsiteY10" fmla="*/ 30820 h 369836"/>
                  <a:gd name="connsiteX11" fmla="*/ 92459 w 493114"/>
                  <a:gd name="connsiteY11" fmla="*/ 77049 h 369836"/>
                  <a:gd name="connsiteX12" fmla="*/ 169508 w 493114"/>
                  <a:gd name="connsiteY12" fmla="*/ 77049 h 369836"/>
                  <a:gd name="connsiteX13" fmla="*/ 169508 w 493114"/>
                  <a:gd name="connsiteY13" fmla="*/ 140615 h 369836"/>
                  <a:gd name="connsiteX14" fmla="*/ 152557 w 493114"/>
                  <a:gd name="connsiteY14" fmla="*/ 161803 h 369836"/>
                  <a:gd name="connsiteX15" fmla="*/ 0 w 493114"/>
                  <a:gd name="connsiteY15" fmla="*/ 161803 h 369836"/>
                  <a:gd name="connsiteX16" fmla="*/ 0 w 493114"/>
                  <a:gd name="connsiteY16" fmla="*/ 285082 h 369836"/>
                  <a:gd name="connsiteX17" fmla="*/ 300492 w 493114"/>
                  <a:gd name="connsiteY17" fmla="*/ 285082 h 369836"/>
                  <a:gd name="connsiteX18" fmla="*/ 369836 w 493114"/>
                  <a:gd name="connsiteY18" fmla="*/ 354426 h 369836"/>
                  <a:gd name="connsiteX19" fmla="*/ 369836 w 493114"/>
                  <a:gd name="connsiteY19" fmla="*/ 369836 h 369836"/>
                  <a:gd name="connsiteX20" fmla="*/ 493115 w 493114"/>
                  <a:gd name="connsiteY20" fmla="*/ 369836 h 369836"/>
                  <a:gd name="connsiteX21" fmla="*/ 493115 w 493114"/>
                  <a:gd name="connsiteY21" fmla="*/ 354426 h 369836"/>
                  <a:gd name="connsiteX22" fmla="*/ 300492 w 493114"/>
                  <a:gd name="connsiteY22" fmla="*/ 161803 h 3698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493114" h="369836">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w="7640" cap="flat">
                <a:noFill/>
                <a:prstDash val="solid"/>
                <a:miter/>
              </a:ln>
            </p:spPr>
            <p:txBody>
              <a:bodyPr rtlCol="0" anchor="ctr"/>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name="connsiteX0" fmla="*/ 4 w 105126"/>
                  <a:gd name="connsiteY0" fmla="*/ 108516 h 161715"/>
                  <a:gd name="connsiteX1" fmla="*/ 51927 w 105126"/>
                  <a:gd name="connsiteY1" fmla="*/ 161712 h 161715"/>
                  <a:gd name="connsiteX2" fmla="*/ 105122 w 105126"/>
                  <a:gd name="connsiteY2" fmla="*/ 109789 h 161715"/>
                  <a:gd name="connsiteX3" fmla="*/ 105122 w 105126"/>
                  <a:gd name="connsiteY3" fmla="*/ 108516 h 161715"/>
                  <a:gd name="connsiteX4" fmla="*/ 52567 w 105126"/>
                  <a:gd name="connsiteY4" fmla="*/ 0 h 161715"/>
                  <a:gd name="connsiteX5" fmla="*/ 4 w 105126"/>
                  <a:gd name="connsiteY5" fmla="*/ 108516 h 1617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5126" h="161715">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w="7640" cap="flat">
                <a:noFill/>
                <a:prstDash val="solid"/>
                <a:miter/>
              </a:ln>
            </p:spPr>
            <p:txBody>
              <a:bodyPr rtlCol="0" anchor="ctr"/>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name="connsiteX0" fmla="*/ 138113 w 276225"/>
                  <a:gd name="connsiteY0" fmla="*/ 185738 h 276225"/>
                  <a:gd name="connsiteX1" fmla="*/ 90488 w 276225"/>
                  <a:gd name="connsiteY1" fmla="*/ 138113 h 276225"/>
                  <a:gd name="connsiteX2" fmla="*/ 138113 w 276225"/>
                  <a:gd name="connsiteY2" fmla="*/ 90488 h 276225"/>
                  <a:gd name="connsiteX3" fmla="*/ 185738 w 276225"/>
                  <a:gd name="connsiteY3" fmla="*/ 138113 h 276225"/>
                  <a:gd name="connsiteX4" fmla="*/ 138113 w 276225"/>
                  <a:gd name="connsiteY4" fmla="*/ 185738 h 276225"/>
                  <a:gd name="connsiteX5" fmla="*/ 138113 w 276225"/>
                  <a:gd name="connsiteY5" fmla="*/ 0 h 276225"/>
                  <a:gd name="connsiteX6" fmla="*/ 0 w 276225"/>
                  <a:gd name="connsiteY6" fmla="*/ 138113 h 276225"/>
                  <a:gd name="connsiteX7" fmla="*/ 138113 w 276225"/>
                  <a:gd name="connsiteY7" fmla="*/ 276225 h 276225"/>
                  <a:gd name="connsiteX8" fmla="*/ 276225 w 276225"/>
                  <a:gd name="connsiteY8" fmla="*/ 138113 h 276225"/>
                  <a:gd name="connsiteX9" fmla="*/ 138113 w 276225"/>
                  <a:gd name="connsiteY9" fmla="*/ 0 h 2762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276225" h="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w="9525"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name="connsiteX0" fmla="*/ 0 w 247656"/>
                  <a:gd name="connsiteY0" fmla="*/ 0 h 314332"/>
                  <a:gd name="connsiteX1" fmla="*/ 247656 w 247656"/>
                  <a:gd name="connsiteY1" fmla="*/ 0 h 314332"/>
                  <a:gd name="connsiteX2" fmla="*/ 247656 w 247656"/>
                  <a:gd name="connsiteY2" fmla="*/ 314333 h 314332"/>
                  <a:gd name="connsiteX3" fmla="*/ 0 w 247656"/>
                  <a:gd name="connsiteY3" fmla="*/ 314333 h 314332"/>
                </a:gdLst>
                <a:ahLst/>
                <a:cxnLst>
                  <a:cxn ang="0">
                    <a:pos x="connsiteX0" y="connsiteY0"/>
                  </a:cxn>
                  <a:cxn ang="0">
                    <a:pos x="connsiteX1" y="connsiteY1"/>
                  </a:cxn>
                  <a:cxn ang="0">
                    <a:pos x="connsiteX2" y="connsiteY2"/>
                  </a:cxn>
                  <a:cxn ang="0">
                    <a:pos x="connsiteX3" y="connsiteY3"/>
                  </a:cxn>
                </a:cxnLst>
                <a:rect l="l" t="t" r="r" b="b"/>
                <a:pathLst>
                  <a:path w="247656" h="314332">
                    <a:moveTo>
                      <a:pt x="0" y="0"/>
                    </a:moveTo>
                    <a:lnTo>
                      <a:pt x="247656" y="0"/>
                    </a:lnTo>
                    <a:lnTo>
                      <a:pt x="247656" y="314333"/>
                    </a:lnTo>
                    <a:lnTo>
                      <a:pt x="0" y="314333"/>
                    </a:lnTo>
                    <a:close/>
                  </a:path>
                </a:pathLst>
              </a:custGeom>
              <a:solidFill>
                <a:schemeClr val="accent1"/>
              </a:solidFill>
              <a:ln w="9525" cap="flat">
                <a:noFill/>
                <a:prstDash val="solid"/>
                <a:miter/>
              </a:ln>
            </p:spPr>
            <p:txBody>
              <a:bodyPr rtlCol="0" anchor="ctr"/>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name="connsiteX0" fmla="*/ 231041 w 300573"/>
                  <a:gd name="connsiteY0" fmla="*/ 409575 h 429577"/>
                  <a:gd name="connsiteX1" fmla="*/ 300573 w 300573"/>
                  <a:gd name="connsiteY1" fmla="*/ 429578 h 429577"/>
                  <a:gd name="connsiteX2" fmla="*/ 127218 w 300573"/>
                  <a:gd name="connsiteY2" fmla="*/ 2857 h 429577"/>
                  <a:gd name="connsiteX3" fmla="*/ 126266 w 300573"/>
                  <a:gd name="connsiteY3" fmla="*/ 0 h 429577"/>
                  <a:gd name="connsiteX4" fmla="*/ 72926 w 300573"/>
                  <a:gd name="connsiteY4" fmla="*/ 21907 h 429577"/>
                  <a:gd name="connsiteX5" fmla="*/ 73878 w 300573"/>
                  <a:gd name="connsiteY5" fmla="*/ 24765 h 429577"/>
                  <a:gd name="connsiteX6" fmla="*/ 95786 w 300573"/>
                  <a:gd name="connsiteY6" fmla="*/ 79057 h 429577"/>
                  <a:gd name="connsiteX7" fmla="*/ 17681 w 300573"/>
                  <a:gd name="connsiteY7" fmla="*/ 111442 h 429577"/>
                  <a:gd name="connsiteX8" fmla="*/ 2441 w 300573"/>
                  <a:gd name="connsiteY8" fmla="*/ 148590 h 429577"/>
                  <a:gd name="connsiteX9" fmla="*/ 29111 w 300573"/>
                  <a:gd name="connsiteY9" fmla="*/ 166688 h 429577"/>
                  <a:gd name="connsiteX10" fmla="*/ 39588 w 300573"/>
                  <a:gd name="connsiteY10" fmla="*/ 164783 h 429577"/>
                  <a:gd name="connsiteX11" fmla="*/ 117693 w 300573"/>
                  <a:gd name="connsiteY11" fmla="*/ 132398 h 429577"/>
                  <a:gd name="connsiteX12" fmla="*/ 231041 w 300573"/>
                  <a:gd name="connsiteY12" fmla="*/ 409575 h 4295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300573" h="429577">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w="9525" cap="flat">
                <a:noFill/>
                <a:prstDash val="solid"/>
                <a:miter/>
              </a:ln>
            </p:spPr>
            <p:txBody>
              <a:bodyPr rtlCol="0" anchor="ctr"/>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name="connsiteX0" fmla="*/ 223838 w 252412"/>
                  <a:gd name="connsiteY0" fmla="*/ 0 h 152400"/>
                  <a:gd name="connsiteX1" fmla="*/ 212408 w 252412"/>
                  <a:gd name="connsiteY1" fmla="*/ 1905 h 152400"/>
                  <a:gd name="connsiteX2" fmla="*/ 19050 w 252412"/>
                  <a:gd name="connsiteY2" fmla="*/ 81915 h 152400"/>
                  <a:gd name="connsiteX3" fmla="*/ 0 w 252412"/>
                  <a:gd name="connsiteY3" fmla="*/ 151448 h 152400"/>
                  <a:gd name="connsiteX4" fmla="*/ 0 w 252412"/>
                  <a:gd name="connsiteY4" fmla="*/ 152400 h 152400"/>
                  <a:gd name="connsiteX5" fmla="*/ 232410 w 252412"/>
                  <a:gd name="connsiteY5" fmla="*/ 55245 h 152400"/>
                  <a:gd name="connsiteX6" fmla="*/ 252413 w 252412"/>
                  <a:gd name="connsiteY6" fmla="*/ 28575 h 152400"/>
                  <a:gd name="connsiteX7" fmla="*/ 223838 w 252412"/>
                  <a:gd name="connsiteY7" fmla="*/ 0 h 1524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52412" h="152400">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w="9525" cap="flat">
                <a:noFill/>
                <a:prstDash val="solid"/>
                <a:miter/>
              </a:ln>
            </p:spPr>
            <p:txBody>
              <a:bodyPr rtlCol="0" anchor="ctr"/>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name="connsiteX0" fmla="*/ 419100 w 457200"/>
                <a:gd name="connsiteY0" fmla="*/ 152400 h 457200"/>
                <a:gd name="connsiteX1" fmla="*/ 304800 w 457200"/>
                <a:gd name="connsiteY1" fmla="*/ 152400 h 457200"/>
                <a:gd name="connsiteX2" fmla="*/ 304800 w 457200"/>
                <a:gd name="connsiteY2" fmla="*/ 38100 h 457200"/>
                <a:gd name="connsiteX3" fmla="*/ 266700 w 457200"/>
                <a:gd name="connsiteY3" fmla="*/ 0 h 457200"/>
                <a:gd name="connsiteX4" fmla="*/ 190500 w 457200"/>
                <a:gd name="connsiteY4" fmla="*/ 0 h 457200"/>
                <a:gd name="connsiteX5" fmla="*/ 152400 w 457200"/>
                <a:gd name="connsiteY5" fmla="*/ 38100 h 457200"/>
                <a:gd name="connsiteX6" fmla="*/ 152400 w 457200"/>
                <a:gd name="connsiteY6" fmla="*/ 152400 h 457200"/>
                <a:gd name="connsiteX7" fmla="*/ 38100 w 457200"/>
                <a:gd name="connsiteY7" fmla="*/ 152400 h 457200"/>
                <a:gd name="connsiteX8" fmla="*/ 0 w 457200"/>
                <a:gd name="connsiteY8" fmla="*/ 190500 h 457200"/>
                <a:gd name="connsiteX9" fmla="*/ 0 w 457200"/>
                <a:gd name="connsiteY9" fmla="*/ 266700 h 457200"/>
                <a:gd name="connsiteX10" fmla="*/ 38100 w 457200"/>
                <a:gd name="connsiteY10" fmla="*/ 304800 h 457200"/>
                <a:gd name="connsiteX11" fmla="*/ 152400 w 457200"/>
                <a:gd name="connsiteY11" fmla="*/ 304800 h 457200"/>
                <a:gd name="connsiteX12" fmla="*/ 152400 w 457200"/>
                <a:gd name="connsiteY12" fmla="*/ 419100 h 457200"/>
                <a:gd name="connsiteX13" fmla="*/ 190500 w 457200"/>
                <a:gd name="connsiteY13" fmla="*/ 457200 h 457200"/>
                <a:gd name="connsiteX14" fmla="*/ 266700 w 457200"/>
                <a:gd name="connsiteY14" fmla="*/ 457200 h 457200"/>
                <a:gd name="connsiteX15" fmla="*/ 304800 w 457200"/>
                <a:gd name="connsiteY15" fmla="*/ 419100 h 457200"/>
                <a:gd name="connsiteX16" fmla="*/ 304800 w 457200"/>
                <a:gd name="connsiteY16" fmla="*/ 304800 h 457200"/>
                <a:gd name="connsiteX17" fmla="*/ 419100 w 457200"/>
                <a:gd name="connsiteY17" fmla="*/ 304800 h 457200"/>
                <a:gd name="connsiteX18" fmla="*/ 457200 w 457200"/>
                <a:gd name="connsiteY18" fmla="*/ 266700 h 457200"/>
                <a:gd name="connsiteX19" fmla="*/ 457200 w 457200"/>
                <a:gd name="connsiteY19" fmla="*/ 190500 h 457200"/>
                <a:gd name="connsiteX20" fmla="*/ 419100 w 457200"/>
                <a:gd name="connsiteY20" fmla="*/ 152400 h 4572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457200" h="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w="9525" cap="flat">
              <a:noFill/>
              <a:prstDash val="solid"/>
              <a:miter/>
            </a:ln>
          </p:spPr>
          <p:txBody>
            <a:bodyPr rtlCol="0" anchor="ctr"/>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id="88" name="Graphic 4" descr="Apple with solid fill">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name="connsiteX0" fmla="*/ 589044 w 625817"/>
                <a:gd name="connsiteY0" fmla="*/ 254441 h 758744"/>
                <a:gd name="connsiteX1" fmla="*/ 340442 w 625817"/>
                <a:gd name="connsiteY1" fmla="*/ 241106 h 758744"/>
                <a:gd name="connsiteX2" fmla="*/ 326154 w 625817"/>
                <a:gd name="connsiteY2" fmla="*/ 177289 h 758744"/>
                <a:gd name="connsiteX3" fmla="*/ 429977 w 625817"/>
                <a:gd name="connsiteY3" fmla="*/ 133474 h 758744"/>
                <a:gd name="connsiteX4" fmla="*/ 474744 w 625817"/>
                <a:gd name="connsiteY4" fmla="*/ 124 h 758744"/>
                <a:gd name="connsiteX5" fmla="*/ 341394 w 625817"/>
                <a:gd name="connsiteY5" fmla="*/ 44891 h 758744"/>
                <a:gd name="connsiteX6" fmla="*/ 301389 w 625817"/>
                <a:gd name="connsiteY6" fmla="*/ 124901 h 758744"/>
                <a:gd name="connsiteX7" fmla="*/ 194709 w 625817"/>
                <a:gd name="connsiteY7" fmla="*/ 14411 h 758744"/>
                <a:gd name="connsiteX8" fmla="*/ 165182 w 625817"/>
                <a:gd name="connsiteY8" fmla="*/ 62989 h 758744"/>
                <a:gd name="connsiteX9" fmla="*/ 283292 w 625817"/>
                <a:gd name="connsiteY9" fmla="*/ 240154 h 758744"/>
                <a:gd name="connsiteX10" fmla="*/ 36594 w 625817"/>
                <a:gd name="connsiteY10" fmla="*/ 253489 h 758744"/>
                <a:gd name="connsiteX11" fmla="*/ 313772 w 625817"/>
                <a:gd name="connsiteY11" fmla="*/ 733549 h 758744"/>
                <a:gd name="connsiteX12" fmla="*/ 589044 w 625817"/>
                <a:gd name="connsiteY12" fmla="*/ 254441 h 7587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625817" h="758744">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w="9525" cap="flat">
              <a:noFill/>
              <a:prstDash val="solid"/>
              <a:miter/>
            </a:ln>
          </p:spPr>
          <p:txBody>
            <a:bodyPr rtlCol="0" anchor="ctr"/>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id="91" name="Graphic 90" descr="Lion with solid fill">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id="7" name="Graphic 6" descr="Pregnant lady with solid fill">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name="adj1" fmla="val 50000"/>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rot="16200000" flipH="1">
            <a:off x="6617472" y="2328417"/>
            <a:ext cx="810703" cy="1872086"/>
          </a:xfrm>
          <a:prstGeom prst="bentConnector3">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1250" advTm="9398">
        <p159:morph option="byObject"/>
      </p:transition>
    </mc:Choice>
    <mc:Fallback xmlns="">
      <p:transition spd="slow" advTm="9398">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100"/>
                                        </p:tgtEl>
                                        <p:attrNameLst>
                                          <p:attrName>style.visibility</p:attrName>
                                        </p:attrNameLst>
                                      </p:cBhvr>
                                      <p:to>
                                        <p:strVal val="visible"/>
                                      </p:to>
                                    </p:set>
                                    <p:animEffect transition="in" filter="wipe(up)">
                                      <p:cBhvr>
                                        <p:cTn id="7" dur="500"/>
                                        <p:tgtEl>
                                          <p:spTgt spid="100"/>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1" fill="hold" nodeType="clickEffect">
                                  <p:stCondLst>
                                    <p:cond delay="0"/>
                                  </p:stCondLst>
                                  <p:childTnLst>
                                    <p:set>
                                      <p:cBhvr>
                                        <p:cTn id="11" dur="1" fill="hold">
                                          <p:stCondLst>
                                            <p:cond delay="0"/>
                                          </p:stCondLst>
                                        </p:cTn>
                                        <p:tgtEl>
                                          <p:spTgt spid="11"/>
                                        </p:tgtEl>
                                        <p:attrNameLst>
                                          <p:attrName>style.visibility</p:attrName>
                                        </p:attrNameLst>
                                      </p:cBhvr>
                                      <p:to>
                                        <p:strVal val="visible"/>
                                      </p:to>
                                    </p:set>
                                    <p:animEffect transition="in" filter="wipe(up)">
                                      <p:cBhvr>
                                        <p:cTn id="12" dur="500"/>
                                        <p:tgtEl>
                                          <p:spTgt spid="11"/>
                                        </p:tgtEl>
                                      </p:cBhvr>
                                    </p:animEffect>
                                  </p:childTnLst>
                                </p:cTn>
                              </p:par>
                            </p:childTnLst>
                          </p:cTn>
                        </p:par>
                        <p:par>
                          <p:cTn id="13" fill="hold">
                            <p:stCondLst>
                              <p:cond delay="500"/>
                            </p:stCondLst>
                            <p:childTnLst>
                              <p:par>
                                <p:cTn id="14" presetID="22" presetClass="entr" presetSubtype="1" fill="hold" nodeType="afterEffect">
                                  <p:stCondLst>
                                    <p:cond delay="0"/>
                                  </p:stCondLst>
                                  <p:childTnLst>
                                    <p:set>
                                      <p:cBhvr>
                                        <p:cTn id="15" dur="1" fill="hold">
                                          <p:stCondLst>
                                            <p:cond delay="0"/>
                                          </p:stCondLst>
                                        </p:cTn>
                                        <p:tgtEl>
                                          <p:spTgt spid="98"/>
                                        </p:tgtEl>
                                        <p:attrNameLst>
                                          <p:attrName>style.visibility</p:attrName>
                                        </p:attrNameLst>
                                      </p:cBhvr>
                                      <p:to>
                                        <p:strVal val="visible"/>
                                      </p:to>
                                    </p:set>
                                    <p:animEffect transition="in" filter="wipe(up)">
                                      <p:cBhvr>
                                        <p:cTn id="16" dur="500"/>
                                        <p:tgtEl>
                                          <p:spTgt spid="98"/>
                                        </p:tgtEl>
                                      </p:cBhvr>
                                    </p:animEffect>
                                  </p:childTnLst>
                                </p:cTn>
                              </p:par>
                            </p:childTnLst>
                          </p:cTn>
                        </p:par>
                        <p:par>
                          <p:cTn id="17" fill="hold">
                            <p:stCondLst>
                              <p:cond delay="1000"/>
                            </p:stCondLst>
                            <p:childTnLst>
                              <p:par>
                                <p:cTn id="18" presetID="22" presetClass="entr" presetSubtype="1" fill="hold" nodeType="afterEffect">
                                  <p:stCondLst>
                                    <p:cond delay="0"/>
                                  </p:stCondLst>
                                  <p:childTnLst>
                                    <p:set>
                                      <p:cBhvr>
                                        <p:cTn id="19" dur="1" fill="hold">
                                          <p:stCondLst>
                                            <p:cond delay="0"/>
                                          </p:stCondLst>
                                        </p:cTn>
                                        <p:tgtEl>
                                          <p:spTgt spid="27"/>
                                        </p:tgtEl>
                                        <p:attrNameLst>
                                          <p:attrName>style.visibility</p:attrName>
                                        </p:attrNameLst>
                                      </p:cBhvr>
                                      <p:to>
                                        <p:strVal val="visible"/>
                                      </p:to>
                                    </p:set>
                                    <p:animEffect transition="in" filter="wipe(up)">
                                      <p:cBhvr>
                                        <p:cTn id="20" dur="500"/>
                                        <p:tgtEl>
                                          <p:spTgt spid="27"/>
                                        </p:tgtEl>
                                      </p:cBhvr>
                                    </p:animEffect>
                                  </p:childTnLst>
                                </p:cTn>
                              </p:par>
                            </p:childTnLst>
                          </p:cTn>
                        </p:par>
                      </p:childTnLst>
                    </p:cTn>
                  </p:par>
                  <p:par>
                    <p:cTn id="21" fill="hold">
                      <p:stCondLst>
                        <p:cond delay="indefinite"/>
                      </p:stCondLst>
                      <p:childTnLst>
                        <p:par>
                          <p:cTn id="22" fill="hold">
                            <p:stCondLst>
                              <p:cond delay="0"/>
                            </p:stCondLst>
                            <p:childTnLst>
                              <p:par>
                                <p:cTn id="23" presetID="47" presetClass="entr" presetSubtype="0" fill="hold" nodeType="clickEffect">
                                  <p:stCondLst>
                                    <p:cond delay="0"/>
                                  </p:stCondLst>
                                  <p:childTnLst>
                                    <p:set>
                                      <p:cBhvr>
                                        <p:cTn id="24" dur="1" fill="hold">
                                          <p:stCondLst>
                                            <p:cond delay="0"/>
                                          </p:stCondLst>
                                        </p:cTn>
                                        <p:tgtEl>
                                          <p:spTgt spid="7"/>
                                        </p:tgtEl>
                                        <p:attrNameLst>
                                          <p:attrName>style.visibility</p:attrName>
                                        </p:attrNameLst>
                                      </p:cBhvr>
                                      <p:to>
                                        <p:strVal val="visible"/>
                                      </p:to>
                                    </p:set>
                                    <p:animEffect transition="in" filter="fade">
                                      <p:cBhvr>
                                        <p:cTn id="25" dur="500"/>
                                        <p:tgtEl>
                                          <p:spTgt spid="7"/>
                                        </p:tgtEl>
                                      </p:cBhvr>
                                    </p:animEffect>
                                    <p:anim calcmode="lin" valueType="num">
                                      <p:cBhvr>
                                        <p:cTn id="26" dur="500" fill="hold"/>
                                        <p:tgtEl>
                                          <p:spTgt spid="7"/>
                                        </p:tgtEl>
                                        <p:attrNameLst>
                                          <p:attrName>ppt_x</p:attrName>
                                        </p:attrNameLst>
                                      </p:cBhvr>
                                      <p:tavLst>
                                        <p:tav tm="0">
                                          <p:val>
                                            <p:strVal val="#ppt_x"/>
                                          </p:val>
                                        </p:tav>
                                        <p:tav tm="100000">
                                          <p:val>
                                            <p:strVal val="#ppt_x"/>
                                          </p:val>
                                        </p:tav>
                                      </p:tavLst>
                                    </p:anim>
                                    <p:anim calcmode="lin" valueType="num">
                                      <p:cBhvr>
                                        <p:cTn id="27" dur="500" fill="hold"/>
                                        <p:tgtEl>
                                          <p:spTgt spid="7"/>
                                        </p:tgtEl>
                                        <p:attrNameLst>
                                          <p:attrName>ppt_y</p:attrName>
                                        </p:attrNameLst>
                                      </p:cBhvr>
                                      <p:tavLst>
                                        <p:tav tm="0">
                                          <p:val>
                                            <p:strVal val="#ppt_y-.1"/>
                                          </p:val>
                                        </p:tav>
                                        <p:tav tm="100000">
                                          <p:val>
                                            <p:strVal val="#ppt_y"/>
                                          </p:val>
                                        </p:tav>
                                      </p:tavLst>
                                    </p:anim>
                                  </p:childTnLst>
                                </p:cTn>
                              </p:par>
                            </p:childTnLst>
                          </p:cTn>
                        </p:par>
                      </p:childTnLst>
                    </p:cTn>
                  </p:par>
                  <p:par>
                    <p:cTn id="28" fill="hold">
                      <p:stCondLst>
                        <p:cond delay="indefinite"/>
                      </p:stCondLst>
                      <p:childTnLst>
                        <p:par>
                          <p:cTn id="29" fill="hold">
                            <p:stCondLst>
                              <p:cond delay="0"/>
                            </p:stCondLst>
                            <p:childTnLst>
                              <p:par>
                                <p:cTn id="30" presetID="47" presetClass="entr" presetSubtype="0" fill="hold" nodeType="clickEffect">
                                  <p:stCondLst>
                                    <p:cond delay="0"/>
                                  </p:stCondLst>
                                  <p:childTnLst>
                                    <p:set>
                                      <p:cBhvr>
                                        <p:cTn id="31" dur="1" fill="hold">
                                          <p:stCondLst>
                                            <p:cond delay="0"/>
                                          </p:stCondLst>
                                        </p:cTn>
                                        <p:tgtEl>
                                          <p:spTgt spid="3"/>
                                        </p:tgtEl>
                                        <p:attrNameLst>
                                          <p:attrName>style.visibility</p:attrName>
                                        </p:attrNameLst>
                                      </p:cBhvr>
                                      <p:to>
                                        <p:strVal val="visible"/>
                                      </p:to>
                                    </p:set>
                                    <p:animEffect transition="in" filter="fade">
                                      <p:cBhvr>
                                        <p:cTn id="32" dur="500"/>
                                        <p:tgtEl>
                                          <p:spTgt spid="3"/>
                                        </p:tgtEl>
                                      </p:cBhvr>
                                    </p:animEffect>
                                    <p:anim calcmode="lin" valueType="num">
                                      <p:cBhvr>
                                        <p:cTn id="33" dur="500" fill="hold"/>
                                        <p:tgtEl>
                                          <p:spTgt spid="3"/>
                                        </p:tgtEl>
                                        <p:attrNameLst>
                                          <p:attrName>ppt_x</p:attrName>
                                        </p:attrNameLst>
                                      </p:cBhvr>
                                      <p:tavLst>
                                        <p:tav tm="0">
                                          <p:val>
                                            <p:strVal val="#ppt_x"/>
                                          </p:val>
                                        </p:tav>
                                        <p:tav tm="100000">
                                          <p:val>
                                            <p:strVal val="#ppt_x"/>
                                          </p:val>
                                        </p:tav>
                                      </p:tavLst>
                                    </p:anim>
                                    <p:anim calcmode="lin" valueType="num">
                                      <p:cBhvr>
                                        <p:cTn id="34" dur="500" fill="hold"/>
                                        <p:tgtEl>
                                          <p:spTgt spid="3"/>
                                        </p:tgtEl>
                                        <p:attrNameLst>
                                          <p:attrName>ppt_y</p:attrName>
                                        </p:attrNameLst>
                                      </p:cBhvr>
                                      <p:tavLst>
                                        <p:tav tm="0">
                                          <p:val>
                                            <p:strVal val="#ppt_y-.1"/>
                                          </p:val>
                                        </p:tav>
                                        <p:tav tm="100000">
                                          <p:val>
                                            <p:strVal val="#ppt_y"/>
                                          </p:val>
                                        </p:tav>
                                      </p:tavLst>
                                    </p:anim>
                                  </p:childTnLst>
                                </p:cTn>
                              </p:par>
                            </p:childTnLst>
                          </p:cTn>
                        </p:par>
                      </p:childTnLst>
                    </p:cTn>
                  </p:par>
                  <p:par>
                    <p:cTn id="35" fill="hold">
                      <p:stCondLst>
                        <p:cond delay="indefinite"/>
                      </p:stCondLst>
                      <p:childTnLst>
                        <p:par>
                          <p:cTn id="36" fill="hold">
                            <p:stCondLst>
                              <p:cond delay="0"/>
                            </p:stCondLst>
                            <p:childTnLst>
                              <p:par>
                                <p:cTn id="37" presetID="47" presetClass="entr" presetSubtype="0" fill="hold" nodeType="clickEffect">
                                  <p:stCondLst>
                                    <p:cond delay="0"/>
                                  </p:stCondLst>
                                  <p:childTnLst>
                                    <p:set>
                                      <p:cBhvr>
                                        <p:cTn id="38" dur="1" fill="hold">
                                          <p:stCondLst>
                                            <p:cond delay="0"/>
                                          </p:stCondLst>
                                        </p:cTn>
                                        <p:tgtEl>
                                          <p:spTgt spid="5"/>
                                        </p:tgtEl>
                                        <p:attrNameLst>
                                          <p:attrName>style.visibility</p:attrName>
                                        </p:attrNameLst>
                                      </p:cBhvr>
                                      <p:to>
                                        <p:strVal val="visible"/>
                                      </p:to>
                                    </p:set>
                                    <p:animEffect transition="in" filter="fade">
                                      <p:cBhvr>
                                        <p:cTn id="39" dur="500"/>
                                        <p:tgtEl>
                                          <p:spTgt spid="5"/>
                                        </p:tgtEl>
                                      </p:cBhvr>
                                    </p:animEffect>
                                    <p:anim calcmode="lin" valueType="num">
                                      <p:cBhvr>
                                        <p:cTn id="40" dur="500" fill="hold"/>
                                        <p:tgtEl>
                                          <p:spTgt spid="5"/>
                                        </p:tgtEl>
                                        <p:attrNameLst>
                                          <p:attrName>ppt_x</p:attrName>
                                        </p:attrNameLst>
                                      </p:cBhvr>
                                      <p:tavLst>
                                        <p:tav tm="0">
                                          <p:val>
                                            <p:strVal val="#ppt_x"/>
                                          </p:val>
                                        </p:tav>
                                        <p:tav tm="100000">
                                          <p:val>
                                            <p:strVal val="#ppt_x"/>
                                          </p:val>
                                        </p:tav>
                                      </p:tavLst>
                                    </p:anim>
                                    <p:anim calcmode="lin" valueType="num">
                                      <p:cBhvr>
                                        <p:cTn id="41" dur="500" fill="hold"/>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name="connsiteX0" fmla="*/ 312403 w 312403"/>
                <a:gd name="connsiteY0" fmla="*/ 156202 h 312403"/>
                <a:gd name="connsiteX1" fmla="*/ 156202 w 312403"/>
                <a:gd name="connsiteY1" fmla="*/ 312403 h 312403"/>
                <a:gd name="connsiteX2" fmla="*/ 0 w 312403"/>
                <a:gd name="connsiteY2" fmla="*/ 156202 h 312403"/>
                <a:gd name="connsiteX3" fmla="*/ 156202 w 312403"/>
                <a:gd name="connsiteY3" fmla="*/ 0 h 312403"/>
                <a:gd name="connsiteX4" fmla="*/ 312403 w 312403"/>
                <a:gd name="connsiteY4" fmla="*/ 156202 h 31240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12403" h="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w="1795" cap="flat">
              <a:noFill/>
              <a:prstDash val="solid"/>
              <a:miter/>
            </a:ln>
          </p:spPr>
          <p:txBody>
            <a:bodyPr rtlCol="0" anchor="ctr"/>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name="connsiteX0" fmla="*/ 241159 w 264355"/>
                <a:gd name="connsiteY0" fmla="*/ 0 h 264355"/>
                <a:gd name="connsiteX1" fmla="*/ 264355 w 264355"/>
                <a:gd name="connsiteY1" fmla="*/ 0 h 264355"/>
                <a:gd name="connsiteX2" fmla="*/ 264355 w 264355"/>
                <a:gd name="connsiteY2" fmla="*/ 264355 h 264355"/>
                <a:gd name="connsiteX3" fmla="*/ 241159 w 264355"/>
                <a:gd name="connsiteY3" fmla="*/ 264355 h 264355"/>
                <a:gd name="connsiteX4" fmla="*/ 23196 w 264355"/>
                <a:gd name="connsiteY4" fmla="*/ 264355 h 264355"/>
                <a:gd name="connsiteX5" fmla="*/ 0 w 264355"/>
                <a:gd name="connsiteY5" fmla="*/ 264355 h 264355"/>
                <a:gd name="connsiteX6" fmla="*/ 0 w 264355"/>
                <a:gd name="connsiteY6" fmla="*/ 0 h 264355"/>
                <a:gd name="connsiteX7" fmla="*/ 23196 w 264355"/>
                <a:gd name="connsiteY7" fmla="*/ 0 h 2643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355" h="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w="1795" cap="flat">
              <a:noFill/>
              <a:prstDash val="solid"/>
              <a:miter/>
            </a:ln>
          </p:spPr>
          <p:txBody>
            <a:bodyPr rtlCol="0" anchor="ctr"/>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name="connsiteX0" fmla="*/ 19038 w 304959"/>
                <a:gd name="connsiteY0" fmla="*/ 284330 h 284526"/>
                <a:gd name="connsiteX1" fmla="*/ 285786 w 304959"/>
                <a:gd name="connsiteY1" fmla="*/ 284330 h 284526"/>
                <a:gd name="connsiteX2" fmla="*/ 304887 w 304959"/>
                <a:gd name="connsiteY2" fmla="*/ 265243 h 284526"/>
                <a:gd name="connsiteX3" fmla="*/ 302576 w 304959"/>
                <a:gd name="connsiteY3" fmla="*/ 256130 h 284526"/>
                <a:gd name="connsiteX4" fmla="*/ 169211 w 304959"/>
                <a:gd name="connsiteY4" fmla="*/ 9825 h 284526"/>
                <a:gd name="connsiteX5" fmla="*/ 143337 w 304959"/>
                <a:gd name="connsiteY5" fmla="*/ 2101 h 284526"/>
                <a:gd name="connsiteX6" fmla="*/ 135613 w 304959"/>
                <a:gd name="connsiteY6" fmla="*/ 9825 h 284526"/>
                <a:gd name="connsiteX7" fmla="*/ 2230 w 304959"/>
                <a:gd name="connsiteY7" fmla="*/ 256130 h 284526"/>
                <a:gd name="connsiteX8" fmla="*/ 9953 w 304959"/>
                <a:gd name="connsiteY8" fmla="*/ 282030 h 284526"/>
                <a:gd name="connsiteX9" fmla="*/ 19038 w 304959"/>
                <a:gd name="connsiteY9" fmla="*/ 284330 h 28452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304959" h="284526">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w="1795" cap="flat">
              <a:noFill/>
              <a:prstDash val="solid"/>
              <a:miter/>
            </a:ln>
          </p:spPr>
          <p:txBody>
            <a:bodyPr rtlCol="0" anchor="ctr"/>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name="connsiteX0" fmla="*/ 240511 w 264534"/>
                <a:gd name="connsiteY0" fmla="*/ 0 h 435492"/>
                <a:gd name="connsiteX1" fmla="*/ 264535 w 264534"/>
                <a:gd name="connsiteY1" fmla="*/ 0 h 435492"/>
                <a:gd name="connsiteX2" fmla="*/ 264535 w 264534"/>
                <a:gd name="connsiteY2" fmla="*/ 435493 h 435492"/>
                <a:gd name="connsiteX3" fmla="*/ 240511 w 264534"/>
                <a:gd name="connsiteY3" fmla="*/ 435493 h 435492"/>
                <a:gd name="connsiteX4" fmla="*/ 24024 w 264534"/>
                <a:gd name="connsiteY4" fmla="*/ 435493 h 435492"/>
                <a:gd name="connsiteX5" fmla="*/ 0 w 264534"/>
                <a:gd name="connsiteY5" fmla="*/ 435493 h 435492"/>
                <a:gd name="connsiteX6" fmla="*/ 0 w 264534"/>
                <a:gd name="connsiteY6" fmla="*/ 0 h 435492"/>
                <a:gd name="connsiteX7" fmla="*/ 24024 w 264534"/>
                <a:gd name="connsiteY7" fmla="*/ 0 h 4354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534" h="435492">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w="1795" cap="flat">
              <a:noFill/>
              <a:prstDash val="solid"/>
              <a:miter/>
            </a:ln>
          </p:spPr>
          <p:txBody>
            <a:bodyPr rtlCol="0" anchor="ctr"/>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name="connsiteX0" fmla="*/ 240511 w 264534"/>
                <a:gd name="connsiteY0" fmla="*/ 0 h 115171"/>
                <a:gd name="connsiteX1" fmla="*/ 264535 w 264534"/>
                <a:gd name="connsiteY1" fmla="*/ 0 h 115171"/>
                <a:gd name="connsiteX2" fmla="*/ 264535 w 264534"/>
                <a:gd name="connsiteY2" fmla="*/ 115172 h 115171"/>
                <a:gd name="connsiteX3" fmla="*/ 240511 w 264534"/>
                <a:gd name="connsiteY3" fmla="*/ 115172 h 115171"/>
                <a:gd name="connsiteX4" fmla="*/ 24024 w 264534"/>
                <a:gd name="connsiteY4" fmla="*/ 115172 h 115171"/>
                <a:gd name="connsiteX5" fmla="*/ 0 w 264534"/>
                <a:gd name="connsiteY5" fmla="*/ 115172 h 115171"/>
                <a:gd name="connsiteX6" fmla="*/ 0 w 264534"/>
                <a:gd name="connsiteY6" fmla="*/ 0 h 115171"/>
                <a:gd name="connsiteX7" fmla="*/ 24024 w 264534"/>
                <a:gd name="connsiteY7" fmla="*/ 0 h 11517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534" h="115171">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w="1795" cap="flat">
              <a:noFill/>
              <a:prstDash val="solid"/>
              <a:miter/>
            </a:ln>
          </p:spPr>
          <p:txBody>
            <a:bodyPr rtlCol="0" anchor="ctr"/>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name="connsiteX0" fmla="*/ 241159 w 264355"/>
                <a:gd name="connsiteY0" fmla="*/ 0 h 264355"/>
                <a:gd name="connsiteX1" fmla="*/ 264355 w 264355"/>
                <a:gd name="connsiteY1" fmla="*/ 0 h 264355"/>
                <a:gd name="connsiteX2" fmla="*/ 264355 w 264355"/>
                <a:gd name="connsiteY2" fmla="*/ 264355 h 264355"/>
                <a:gd name="connsiteX3" fmla="*/ 241159 w 264355"/>
                <a:gd name="connsiteY3" fmla="*/ 264355 h 264355"/>
                <a:gd name="connsiteX4" fmla="*/ 23196 w 264355"/>
                <a:gd name="connsiteY4" fmla="*/ 264355 h 264355"/>
                <a:gd name="connsiteX5" fmla="*/ 0 w 264355"/>
                <a:gd name="connsiteY5" fmla="*/ 264355 h 264355"/>
                <a:gd name="connsiteX6" fmla="*/ 0 w 264355"/>
                <a:gd name="connsiteY6" fmla="*/ 0 h 264355"/>
                <a:gd name="connsiteX7" fmla="*/ 23196 w 264355"/>
                <a:gd name="connsiteY7" fmla="*/ 0 h 2643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355" h="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w="1795" cap="flat">
              <a:noFill/>
              <a:prstDash val="solid"/>
              <a:miter/>
            </a:ln>
          </p:spPr>
          <p:txBody>
            <a:bodyPr rtlCol="0" anchor="ctr"/>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name="connsiteX0" fmla="*/ 240511 w 264534"/>
                <a:gd name="connsiteY0" fmla="*/ 0 h 815199"/>
                <a:gd name="connsiteX1" fmla="*/ 264535 w 264534"/>
                <a:gd name="connsiteY1" fmla="*/ 0 h 815199"/>
                <a:gd name="connsiteX2" fmla="*/ 264535 w 264534"/>
                <a:gd name="connsiteY2" fmla="*/ 815200 h 815199"/>
                <a:gd name="connsiteX3" fmla="*/ 240511 w 264534"/>
                <a:gd name="connsiteY3" fmla="*/ 815200 h 815199"/>
                <a:gd name="connsiteX4" fmla="*/ 24024 w 264534"/>
                <a:gd name="connsiteY4" fmla="*/ 815200 h 815199"/>
                <a:gd name="connsiteX5" fmla="*/ 0 w 264534"/>
                <a:gd name="connsiteY5" fmla="*/ 815200 h 815199"/>
                <a:gd name="connsiteX6" fmla="*/ 0 w 264534"/>
                <a:gd name="connsiteY6" fmla="*/ 0 h 815199"/>
                <a:gd name="connsiteX7" fmla="*/ 24024 w 264534"/>
                <a:gd name="connsiteY7" fmla="*/ 0 h 81519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534" h="815199">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w="1795" cap="flat">
              <a:noFill/>
              <a:prstDash val="solid"/>
              <a:miter/>
            </a:ln>
          </p:spPr>
          <p:txBody>
            <a:bodyPr rtlCol="0" anchor="ctr"/>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name="connsiteX0" fmla="*/ 240511 w 264534"/>
                <a:gd name="connsiteY0" fmla="*/ 0 h 311323"/>
                <a:gd name="connsiteX1" fmla="*/ 264535 w 264534"/>
                <a:gd name="connsiteY1" fmla="*/ 0 h 311323"/>
                <a:gd name="connsiteX2" fmla="*/ 264535 w 264534"/>
                <a:gd name="connsiteY2" fmla="*/ 311323 h 311323"/>
                <a:gd name="connsiteX3" fmla="*/ 240511 w 264534"/>
                <a:gd name="connsiteY3" fmla="*/ 311323 h 311323"/>
                <a:gd name="connsiteX4" fmla="*/ 24024 w 264534"/>
                <a:gd name="connsiteY4" fmla="*/ 311323 h 311323"/>
                <a:gd name="connsiteX5" fmla="*/ 0 w 264534"/>
                <a:gd name="connsiteY5" fmla="*/ 311323 h 311323"/>
                <a:gd name="connsiteX6" fmla="*/ 0 w 264534"/>
                <a:gd name="connsiteY6" fmla="*/ 0 h 311323"/>
                <a:gd name="connsiteX7" fmla="*/ 24024 w 264534"/>
                <a:gd name="connsiteY7" fmla="*/ 0 h 31132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534" h="311323">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w="1795" cap="flat">
              <a:noFill/>
              <a:prstDash val="solid"/>
              <a:miter/>
            </a:ln>
          </p:spPr>
          <p:txBody>
            <a:bodyPr rtlCol="0" anchor="ctr"/>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name="connsiteX0" fmla="*/ 240511 w 264534"/>
                <a:gd name="connsiteY0" fmla="*/ 0 h 230343"/>
                <a:gd name="connsiteX1" fmla="*/ 264535 w 264534"/>
                <a:gd name="connsiteY1" fmla="*/ 0 h 230343"/>
                <a:gd name="connsiteX2" fmla="*/ 264535 w 264534"/>
                <a:gd name="connsiteY2" fmla="*/ 230343 h 230343"/>
                <a:gd name="connsiteX3" fmla="*/ 240511 w 264534"/>
                <a:gd name="connsiteY3" fmla="*/ 230343 h 230343"/>
                <a:gd name="connsiteX4" fmla="*/ 24024 w 264534"/>
                <a:gd name="connsiteY4" fmla="*/ 230343 h 230343"/>
                <a:gd name="connsiteX5" fmla="*/ 0 w 264534"/>
                <a:gd name="connsiteY5" fmla="*/ 230343 h 230343"/>
                <a:gd name="connsiteX6" fmla="*/ 0 w 264534"/>
                <a:gd name="connsiteY6" fmla="*/ 0 h 230343"/>
                <a:gd name="connsiteX7" fmla="*/ 24024 w 264534"/>
                <a:gd name="connsiteY7" fmla="*/ 0 h 2303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534" h="230343">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w="1795" cap="flat">
              <a:noFill/>
              <a:prstDash val="solid"/>
              <a:miter/>
            </a:ln>
          </p:spPr>
          <p:txBody>
            <a:bodyPr rtlCol="0" anchor="ctr"/>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name="connsiteX0" fmla="*/ 240511 w 264534"/>
                <a:gd name="connsiteY0" fmla="*/ 0 h 613649"/>
                <a:gd name="connsiteX1" fmla="*/ 264535 w 264534"/>
                <a:gd name="connsiteY1" fmla="*/ 0 h 613649"/>
                <a:gd name="connsiteX2" fmla="*/ 264535 w 264534"/>
                <a:gd name="connsiteY2" fmla="*/ 613649 h 613649"/>
                <a:gd name="connsiteX3" fmla="*/ 240511 w 264534"/>
                <a:gd name="connsiteY3" fmla="*/ 613649 h 613649"/>
                <a:gd name="connsiteX4" fmla="*/ 24024 w 264534"/>
                <a:gd name="connsiteY4" fmla="*/ 613649 h 613649"/>
                <a:gd name="connsiteX5" fmla="*/ 0 w 264534"/>
                <a:gd name="connsiteY5" fmla="*/ 613649 h 613649"/>
                <a:gd name="connsiteX6" fmla="*/ 0 w 264534"/>
                <a:gd name="connsiteY6" fmla="*/ 0 h 613649"/>
                <a:gd name="connsiteX7" fmla="*/ 24024 w 264534"/>
                <a:gd name="connsiteY7" fmla="*/ 0 h 6136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534" h="613649">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w="1795"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name="connsiteX0" fmla="*/ 240511 w 264534"/>
                <a:gd name="connsiteY0" fmla="*/ 0 h 444490"/>
                <a:gd name="connsiteX1" fmla="*/ 264535 w 264534"/>
                <a:gd name="connsiteY1" fmla="*/ 0 h 444490"/>
                <a:gd name="connsiteX2" fmla="*/ 264535 w 264534"/>
                <a:gd name="connsiteY2" fmla="*/ 444491 h 444490"/>
                <a:gd name="connsiteX3" fmla="*/ 240511 w 264534"/>
                <a:gd name="connsiteY3" fmla="*/ 444491 h 444490"/>
                <a:gd name="connsiteX4" fmla="*/ 24024 w 264534"/>
                <a:gd name="connsiteY4" fmla="*/ 444491 h 444490"/>
                <a:gd name="connsiteX5" fmla="*/ 0 w 264534"/>
                <a:gd name="connsiteY5" fmla="*/ 444491 h 444490"/>
                <a:gd name="connsiteX6" fmla="*/ 0 w 264534"/>
                <a:gd name="connsiteY6" fmla="*/ 0 h 444490"/>
                <a:gd name="connsiteX7" fmla="*/ 24024 w 264534"/>
                <a:gd name="connsiteY7" fmla="*/ 0 h 44449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534" h="444490">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w="1795"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name="connsiteX0" fmla="*/ 240511 w 264534"/>
                <a:gd name="connsiteY0" fmla="*/ 0 h 691030"/>
                <a:gd name="connsiteX1" fmla="*/ 264535 w 264534"/>
                <a:gd name="connsiteY1" fmla="*/ 0 h 691030"/>
                <a:gd name="connsiteX2" fmla="*/ 264535 w 264534"/>
                <a:gd name="connsiteY2" fmla="*/ 691030 h 691030"/>
                <a:gd name="connsiteX3" fmla="*/ 240511 w 264534"/>
                <a:gd name="connsiteY3" fmla="*/ 691030 h 691030"/>
                <a:gd name="connsiteX4" fmla="*/ 24024 w 264534"/>
                <a:gd name="connsiteY4" fmla="*/ 691030 h 691030"/>
                <a:gd name="connsiteX5" fmla="*/ 0 w 264534"/>
                <a:gd name="connsiteY5" fmla="*/ 691030 h 691030"/>
                <a:gd name="connsiteX6" fmla="*/ 0 w 264534"/>
                <a:gd name="connsiteY6" fmla="*/ 0 h 691030"/>
                <a:gd name="connsiteX7" fmla="*/ 24024 w 264534"/>
                <a:gd name="connsiteY7" fmla="*/ 0 h 6910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534" h="691030">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w="1795" cap="flat">
              <a:noFill/>
              <a:prstDash val="solid"/>
              <a:miter/>
            </a:ln>
          </p:spPr>
          <p:txBody>
            <a:bodyPr rtlCol="0" anchor="ctr"/>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id="40" name="Graphic 39" descr="Pregnant lady with solid fill">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name="adj1" fmla="val 50000"/>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rot="16200000" flipH="1">
            <a:off x="6617472" y="1066776"/>
            <a:ext cx="810703" cy="1872086"/>
          </a:xfrm>
          <a:prstGeom prst="bentConnector3">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w="38100" cap="rnd">
            <a:solidFill>
              <a:schemeClr val="tx2"/>
            </a:solidFill>
            <a:prstDash val="sysDot"/>
            <a:headEnd type="none" w="lg" len="med"/>
            <a:tailEnd type="arrow" w="lg" len="sm"/>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name="connsiteX0" fmla="*/ 361950 w 723900"/>
                <a:gd name="connsiteY0" fmla="*/ 57150 h 723900"/>
                <a:gd name="connsiteX1" fmla="*/ 57150 w 723900"/>
                <a:gd name="connsiteY1" fmla="*/ 361950 h 723900"/>
                <a:gd name="connsiteX2" fmla="*/ 361950 w 723900"/>
                <a:gd name="connsiteY2" fmla="*/ 666750 h 723900"/>
                <a:gd name="connsiteX3" fmla="*/ 666750 w 723900"/>
                <a:gd name="connsiteY3" fmla="*/ 361950 h 723900"/>
                <a:gd name="connsiteX4" fmla="*/ 361950 w 723900"/>
                <a:gd name="connsiteY4" fmla="*/ 57150 h 723900"/>
                <a:gd name="connsiteX5" fmla="*/ 361950 w 723900"/>
                <a:gd name="connsiteY5" fmla="*/ 723900 h 723900"/>
                <a:gd name="connsiteX6" fmla="*/ 0 w 723900"/>
                <a:gd name="connsiteY6" fmla="*/ 361950 h 723900"/>
                <a:gd name="connsiteX7" fmla="*/ 361950 w 723900"/>
                <a:gd name="connsiteY7" fmla="*/ 0 h 723900"/>
                <a:gd name="connsiteX8" fmla="*/ 723900 w 723900"/>
                <a:gd name="connsiteY8" fmla="*/ 361950 h 723900"/>
                <a:gd name="connsiteX9" fmla="*/ 361950 w 723900"/>
                <a:gd name="connsiteY9" fmla="*/ 723900 h 723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723900" h="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w="9525" cap="flat">
              <a:noFill/>
              <a:prstDash val="solid"/>
              <a:miter/>
            </a:ln>
          </p:spPr>
          <p:txBody>
            <a:bodyPr rtlCol="0" anchor="ctr"/>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name="connsiteX0" fmla="*/ 419100 w 457200"/>
                <a:gd name="connsiteY0" fmla="*/ 152400 h 457200"/>
                <a:gd name="connsiteX1" fmla="*/ 304800 w 457200"/>
                <a:gd name="connsiteY1" fmla="*/ 152400 h 457200"/>
                <a:gd name="connsiteX2" fmla="*/ 304800 w 457200"/>
                <a:gd name="connsiteY2" fmla="*/ 38100 h 457200"/>
                <a:gd name="connsiteX3" fmla="*/ 266700 w 457200"/>
                <a:gd name="connsiteY3" fmla="*/ 0 h 457200"/>
                <a:gd name="connsiteX4" fmla="*/ 190500 w 457200"/>
                <a:gd name="connsiteY4" fmla="*/ 0 h 457200"/>
                <a:gd name="connsiteX5" fmla="*/ 152400 w 457200"/>
                <a:gd name="connsiteY5" fmla="*/ 38100 h 457200"/>
                <a:gd name="connsiteX6" fmla="*/ 152400 w 457200"/>
                <a:gd name="connsiteY6" fmla="*/ 152400 h 457200"/>
                <a:gd name="connsiteX7" fmla="*/ 38100 w 457200"/>
                <a:gd name="connsiteY7" fmla="*/ 152400 h 457200"/>
                <a:gd name="connsiteX8" fmla="*/ 0 w 457200"/>
                <a:gd name="connsiteY8" fmla="*/ 190500 h 457200"/>
                <a:gd name="connsiteX9" fmla="*/ 0 w 457200"/>
                <a:gd name="connsiteY9" fmla="*/ 266700 h 457200"/>
                <a:gd name="connsiteX10" fmla="*/ 38100 w 457200"/>
                <a:gd name="connsiteY10" fmla="*/ 304800 h 457200"/>
                <a:gd name="connsiteX11" fmla="*/ 152400 w 457200"/>
                <a:gd name="connsiteY11" fmla="*/ 304800 h 457200"/>
                <a:gd name="connsiteX12" fmla="*/ 152400 w 457200"/>
                <a:gd name="connsiteY12" fmla="*/ 419100 h 457200"/>
                <a:gd name="connsiteX13" fmla="*/ 190500 w 457200"/>
                <a:gd name="connsiteY13" fmla="*/ 457200 h 457200"/>
                <a:gd name="connsiteX14" fmla="*/ 266700 w 457200"/>
                <a:gd name="connsiteY14" fmla="*/ 457200 h 457200"/>
                <a:gd name="connsiteX15" fmla="*/ 304800 w 457200"/>
                <a:gd name="connsiteY15" fmla="*/ 419100 h 457200"/>
                <a:gd name="connsiteX16" fmla="*/ 304800 w 457200"/>
                <a:gd name="connsiteY16" fmla="*/ 304800 h 457200"/>
                <a:gd name="connsiteX17" fmla="*/ 419100 w 457200"/>
                <a:gd name="connsiteY17" fmla="*/ 304800 h 457200"/>
                <a:gd name="connsiteX18" fmla="*/ 457200 w 457200"/>
                <a:gd name="connsiteY18" fmla="*/ 266700 h 457200"/>
                <a:gd name="connsiteX19" fmla="*/ 457200 w 457200"/>
                <a:gd name="connsiteY19" fmla="*/ 190500 h 457200"/>
                <a:gd name="connsiteX20" fmla="*/ 419100 w 457200"/>
                <a:gd name="connsiteY20" fmla="*/ 152400 h 4572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l="l" t="t" r="r" b="b"/>
              <a:pathLst>
                <a:path w="457200" h="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w="9525" cap="flat">
              <a:noFill/>
              <a:prstDash val="solid"/>
              <a:miter/>
            </a:ln>
          </p:spPr>
          <p:txBody>
            <a:bodyPr rtlCol="0" anchor="ctr"/>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name="adj1" fmla="val 67982"/>
              <a:gd name="adj2" fmla="val 50000"/>
            </a:avLst>
          </a:prstGeom>
          <a:ln w="2222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name="adj1" fmla="val 67982"/>
              <a:gd name="adj2" fmla="val 50000"/>
            </a:avLst>
          </a:prstGeom>
          <a:ln w="22225" cap="rnd">
            <a:solidFill>
              <a:schemeClr val="accent1"/>
            </a:solidFill>
            <a:prstDash val="solid"/>
            <a:headEnd type="none" w="lg" len="lg"/>
            <a:tailEnd type="none" w="lg" len="lg"/>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spd="slow" advTm="7952">
        <p159:morph option="byObject"/>
      </p:transition>
    </mc:Choice>
    <mc:Fallback xmlns="">
      <p:transition spd="slow" advTm="795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49"/>
                                        </p:tgtEl>
                                        <p:attrNameLst>
                                          <p:attrName>style.visibility</p:attrName>
                                        </p:attrNameLst>
                                      </p:cBhvr>
                                      <p:to>
                                        <p:strVal val="visible"/>
                                      </p:to>
                                    </p:set>
                                    <p:animEffect transition="in" filter="wipe(up)">
                                      <p:cBhvr>
                                        <p:cTn id="7" dur="500"/>
                                        <p:tgtEl>
                                          <p:spTgt spid="49"/>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30"/>
                                        </p:tgtEl>
                                        <p:attrNameLst>
                                          <p:attrName>style.visibility</p:attrName>
                                        </p:attrNameLst>
                                      </p:cBhvr>
                                      <p:to>
                                        <p:strVal val="visible"/>
                                      </p:to>
                                    </p:set>
                                    <p:animEffect transition="in" filter="fade">
                                      <p:cBhvr>
                                        <p:cTn id="12" dur="500"/>
                                        <p:tgtEl>
                                          <p:spTgt spid="30"/>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1" fill="hold" grpId="0" nodeType="clickEffect">
                                  <p:stCondLst>
                                    <p:cond delay="0"/>
                                  </p:stCondLst>
                                  <p:childTnLst>
                                    <p:set>
                                      <p:cBhvr>
                                        <p:cTn id="16" dur="1" fill="hold">
                                          <p:stCondLst>
                                            <p:cond delay="0"/>
                                          </p:stCondLst>
                                        </p:cTn>
                                        <p:tgtEl>
                                          <p:spTgt spid="50"/>
                                        </p:tgtEl>
                                        <p:attrNameLst>
                                          <p:attrName>style.visibility</p:attrName>
                                        </p:attrNameLst>
                                      </p:cBhvr>
                                      <p:to>
                                        <p:strVal val="visible"/>
                                      </p:to>
                                    </p:set>
                                    <p:animEffect transition="in" filter="wipe(up)">
                                      <p:cBhvr>
                                        <p:cTn id="17" dur="500"/>
                                        <p:tgtEl>
                                          <p:spTgt spid="50"/>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48"/>
                                        </p:tgtEl>
                                        <p:attrNameLst>
                                          <p:attrName>style.visibility</p:attrName>
                                        </p:attrNameLst>
                                      </p:cBhvr>
                                      <p:to>
                                        <p:strVal val="visible"/>
                                      </p:to>
                                    </p:set>
                                    <p:animEffect transition="in" filter="fade">
                                      <p:cBhvr>
                                        <p:cTn id="22" dur="500"/>
                                        <p:tgtEl>
                                          <p:spTgt spid="4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9" grpId="0" animBg="1"/>
      <p:bldP spid="50"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14" name="Picture 13" descr="A picture containing icon&#10;&#10;Description automatically generated">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name="connsiteX0" fmla="*/ 514227 w 514226"/>
                <a:gd name="connsiteY0" fmla="*/ 257113 h 514226"/>
                <a:gd name="connsiteX1" fmla="*/ 257113 w 514226"/>
                <a:gd name="connsiteY1" fmla="*/ 514227 h 514226"/>
                <a:gd name="connsiteX2" fmla="*/ 0 w 514226"/>
                <a:gd name="connsiteY2" fmla="*/ 257113 h 514226"/>
                <a:gd name="connsiteX3" fmla="*/ 257113 w 514226"/>
                <a:gd name="connsiteY3" fmla="*/ 0 h 514226"/>
                <a:gd name="connsiteX4" fmla="*/ 514227 w 514226"/>
                <a:gd name="connsiteY4" fmla="*/ 257113 h 5142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4226" h="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w="2950" cap="flat">
              <a:noFill/>
              <a:prstDash val="solid"/>
              <a:miter/>
            </a:ln>
          </p:spPr>
          <p:txBody>
            <a:bodyPr rtlCol="0" anchor="ctr"/>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name="connsiteX0" fmla="*/ 396956 w 435137"/>
                <a:gd name="connsiteY0" fmla="*/ 0 h 435137"/>
                <a:gd name="connsiteX1" fmla="*/ 435138 w 435137"/>
                <a:gd name="connsiteY1" fmla="*/ 0 h 435137"/>
                <a:gd name="connsiteX2" fmla="*/ 435138 w 435137"/>
                <a:gd name="connsiteY2" fmla="*/ 435138 h 435137"/>
                <a:gd name="connsiteX3" fmla="*/ 396956 w 435137"/>
                <a:gd name="connsiteY3" fmla="*/ 435138 h 435137"/>
                <a:gd name="connsiteX4" fmla="*/ 38182 w 435137"/>
                <a:gd name="connsiteY4" fmla="*/ 435138 h 435137"/>
                <a:gd name="connsiteX5" fmla="*/ 0 w 435137"/>
                <a:gd name="connsiteY5" fmla="*/ 435138 h 435137"/>
                <a:gd name="connsiteX6" fmla="*/ 0 w 435137"/>
                <a:gd name="connsiteY6" fmla="*/ 0 h 435137"/>
                <a:gd name="connsiteX7" fmla="*/ 38182 w 435137"/>
                <a:gd name="connsiteY7" fmla="*/ 0 h 4351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435137" h="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w="2950" cap="flat">
              <a:noFill/>
              <a:prstDash val="solid"/>
              <a:miter/>
            </a:ln>
          </p:spPr>
          <p:txBody>
            <a:bodyPr rtlCol="0" anchor="ctr"/>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name="connsiteX0" fmla="*/ 31289 w 501974"/>
                <a:gd name="connsiteY0" fmla="*/ 468143 h 468340"/>
                <a:gd name="connsiteX1" fmla="*/ 470337 w 501974"/>
                <a:gd name="connsiteY1" fmla="*/ 468143 h 468340"/>
                <a:gd name="connsiteX2" fmla="*/ 501786 w 501974"/>
                <a:gd name="connsiteY2" fmla="*/ 436676 h 468340"/>
                <a:gd name="connsiteX3" fmla="*/ 498004 w 501974"/>
                <a:gd name="connsiteY3" fmla="*/ 421726 h 468340"/>
                <a:gd name="connsiteX4" fmla="*/ 278450 w 501974"/>
                <a:gd name="connsiteY4" fmla="*/ 16299 h 468340"/>
                <a:gd name="connsiteX5" fmla="*/ 235860 w 501974"/>
                <a:gd name="connsiteY5" fmla="*/ 3585 h 468340"/>
                <a:gd name="connsiteX6" fmla="*/ 223147 w 501974"/>
                <a:gd name="connsiteY6" fmla="*/ 16299 h 468340"/>
                <a:gd name="connsiteX7" fmla="*/ 3623 w 501974"/>
                <a:gd name="connsiteY7" fmla="*/ 421726 h 468340"/>
                <a:gd name="connsiteX8" fmla="*/ 16259 w 501974"/>
                <a:gd name="connsiteY8" fmla="*/ 464340 h 468340"/>
                <a:gd name="connsiteX9" fmla="*/ 31289 w 501974"/>
                <a:gd name="connsiteY9" fmla="*/ 468143 h 4683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501974" h="468340">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w="2950" cap="flat">
              <a:noFill/>
              <a:prstDash val="solid"/>
              <a:miter/>
            </a:ln>
          </p:spPr>
          <p:txBody>
            <a:bodyPr rtlCol="0" anchor="ctr"/>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name="connsiteX0" fmla="*/ 1364016 w 1637571"/>
                  <a:gd name="connsiteY0" fmla="*/ 3269032 h 3269032"/>
                  <a:gd name="connsiteX1" fmla="*/ 273555 w 1637571"/>
                  <a:gd name="connsiteY1" fmla="*/ 3269032 h 3269032"/>
                  <a:gd name="connsiteX2" fmla="*/ 0 w 1637571"/>
                  <a:gd name="connsiteY2" fmla="*/ 2995477 h 3269032"/>
                  <a:gd name="connsiteX3" fmla="*/ 0 w 1637571"/>
                  <a:gd name="connsiteY3" fmla="*/ 273555 h 3269032"/>
                  <a:gd name="connsiteX4" fmla="*/ 273555 w 1637571"/>
                  <a:gd name="connsiteY4" fmla="*/ 0 h 3269032"/>
                  <a:gd name="connsiteX5" fmla="*/ 1364016 w 1637571"/>
                  <a:gd name="connsiteY5" fmla="*/ 0 h 3269032"/>
                  <a:gd name="connsiteX6" fmla="*/ 1637571 w 1637571"/>
                  <a:gd name="connsiteY6" fmla="*/ 273555 h 3269032"/>
                  <a:gd name="connsiteX7" fmla="*/ 1637571 w 1637571"/>
                  <a:gd name="connsiteY7" fmla="*/ 2995477 h 3269032"/>
                  <a:gd name="connsiteX8" fmla="*/ 1364016 w 1637571"/>
                  <a:gd name="connsiteY8" fmla="*/ 3269032 h 326903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637571" h="3269032">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w="4692" cap="flat">
                <a:noFill/>
                <a:prstDash val="solid"/>
                <a:miter/>
              </a:ln>
            </p:spPr>
            <p:txBody>
              <a:bodyPr rtlCol="0" anchor="ctr"/>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name="connsiteX0" fmla="*/ 1195277 w 1370596"/>
                  <a:gd name="connsiteY0" fmla="*/ 0 h 2994066"/>
                  <a:gd name="connsiteX1" fmla="*/ 1088581 w 1370596"/>
                  <a:gd name="connsiteY1" fmla="*/ 0 h 2994066"/>
                  <a:gd name="connsiteX2" fmla="*/ 1077770 w 1370596"/>
                  <a:gd name="connsiteY2" fmla="*/ 10811 h 2994066"/>
                  <a:gd name="connsiteX3" fmla="*/ 1077770 w 1370596"/>
                  <a:gd name="connsiteY3" fmla="*/ 32902 h 2994066"/>
                  <a:gd name="connsiteX4" fmla="*/ 1002096 w 1370596"/>
                  <a:gd name="connsiteY4" fmla="*/ 108576 h 2994066"/>
                  <a:gd name="connsiteX5" fmla="*/ 380251 w 1370596"/>
                  <a:gd name="connsiteY5" fmla="*/ 108576 h 2994066"/>
                  <a:gd name="connsiteX6" fmla="*/ 304577 w 1370596"/>
                  <a:gd name="connsiteY6" fmla="*/ 32902 h 2994066"/>
                  <a:gd name="connsiteX7" fmla="*/ 304577 w 1370596"/>
                  <a:gd name="connsiteY7" fmla="*/ 10811 h 2994066"/>
                  <a:gd name="connsiteX8" fmla="*/ 293766 w 1370596"/>
                  <a:gd name="connsiteY8" fmla="*/ 0 h 2994066"/>
                  <a:gd name="connsiteX9" fmla="*/ 187070 w 1370596"/>
                  <a:gd name="connsiteY9" fmla="*/ 0 h 2994066"/>
                  <a:gd name="connsiteX10" fmla="*/ 11751 w 1370596"/>
                  <a:gd name="connsiteY10" fmla="*/ 175320 h 2994066"/>
                  <a:gd name="connsiteX11" fmla="*/ 0 w 1370596"/>
                  <a:gd name="connsiteY11" fmla="*/ 2778795 h 2994066"/>
                  <a:gd name="connsiteX12" fmla="*/ 215272 w 1370596"/>
                  <a:gd name="connsiteY12" fmla="*/ 2994067 h 2994066"/>
                  <a:gd name="connsiteX13" fmla="*/ 1155324 w 1370596"/>
                  <a:gd name="connsiteY13" fmla="*/ 2994067 h 2994066"/>
                  <a:gd name="connsiteX14" fmla="*/ 1358846 w 1370596"/>
                  <a:gd name="connsiteY14" fmla="*/ 2767045 h 2994066"/>
                  <a:gd name="connsiteX15" fmla="*/ 1370596 w 1370596"/>
                  <a:gd name="connsiteY15" fmla="*/ 175320 h 2994066"/>
                  <a:gd name="connsiteX16" fmla="*/ 1195277 w 1370596"/>
                  <a:gd name="connsiteY16" fmla="*/ 0 h 29940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370596" h="299406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w="4692"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name="connsiteX0" fmla="*/ 1073540 w 1195276"/>
                  <a:gd name="connsiteY0" fmla="*/ 2273047 h 2273046"/>
                  <a:gd name="connsiteX1" fmla="*/ 121737 w 1195276"/>
                  <a:gd name="connsiteY1" fmla="*/ 2273047 h 2273046"/>
                  <a:gd name="connsiteX2" fmla="*/ 0 w 1195276"/>
                  <a:gd name="connsiteY2" fmla="*/ 2151310 h 2273046"/>
                  <a:gd name="connsiteX3" fmla="*/ 0 w 1195276"/>
                  <a:gd name="connsiteY3" fmla="*/ 1850963 h 2273046"/>
                  <a:gd name="connsiteX4" fmla="*/ 1195277 w 1195276"/>
                  <a:gd name="connsiteY4" fmla="*/ 0 h 2273046"/>
                  <a:gd name="connsiteX5" fmla="*/ 1195277 w 1195276"/>
                  <a:gd name="connsiteY5" fmla="*/ 2151310 h 2273046"/>
                  <a:gd name="connsiteX6" fmla="*/ 1073540 w 1195276"/>
                  <a:gd name="connsiteY6" fmla="*/ 2273047 h 227304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195276" h="227304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w="4692" cap="flat">
                <a:noFill/>
                <a:prstDash val="solid"/>
                <a:miter/>
              </a:ln>
            </p:spPr>
            <p:txBody>
              <a:bodyPr rtlCol="0" anchor="ctr"/>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name="connsiteX0" fmla="*/ 1139164 w 1139164"/>
                  <a:gd name="connsiteY0" fmla="*/ 0 h 454813"/>
                  <a:gd name="connsiteX1" fmla="*/ 527267 w 1139164"/>
                  <a:gd name="connsiteY1" fmla="*/ 0 h 454813"/>
                  <a:gd name="connsiteX2" fmla="*/ 527267 w 1139164"/>
                  <a:gd name="connsiteY2" fmla="*/ 454813 h 454813"/>
                  <a:gd name="connsiteX3" fmla="*/ 0 w 1139164"/>
                  <a:gd name="connsiteY3" fmla="*/ 454813 h 454813"/>
                </a:gdLst>
                <a:ahLst/>
                <a:cxnLst>
                  <a:cxn ang="0">
                    <a:pos x="connsiteX0" y="connsiteY0"/>
                  </a:cxn>
                  <a:cxn ang="0">
                    <a:pos x="connsiteX1" y="connsiteY1"/>
                  </a:cxn>
                  <a:cxn ang="0">
                    <a:pos x="connsiteX2" y="connsiteY2"/>
                  </a:cxn>
                  <a:cxn ang="0">
                    <a:pos x="connsiteX3" y="connsiteY3"/>
                  </a:cxn>
                </a:cxnLst>
                <a:rect l="l" t="t" r="r" b="b"/>
                <a:pathLst>
                  <a:path w="1139164" h="454813">
                    <a:moveTo>
                      <a:pt x="1139164" y="0"/>
                    </a:moveTo>
                    <a:lnTo>
                      <a:pt x="527267" y="0"/>
                    </a:lnTo>
                    <a:lnTo>
                      <a:pt x="527267" y="454813"/>
                    </a:lnTo>
                    <a:lnTo>
                      <a:pt x="0" y="454813"/>
                    </a:lnTo>
                  </a:path>
                </a:pathLst>
              </a:custGeom>
              <a:noFill/>
              <a:ln w="108774" cap="rnd">
                <a:solidFill>
                  <a:srgbClr val="093371"/>
                </a:solidFill>
                <a:prstDash val="solid"/>
                <a:round/>
              </a:ln>
            </p:spPr>
            <p:txBody>
              <a:bodyPr rtlCol="0" anchor="ctr"/>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name="connsiteX0" fmla="*/ 0 w 598502"/>
                  <a:gd name="connsiteY0" fmla="*/ 0 h 6088"/>
                  <a:gd name="connsiteX1" fmla="*/ 598503 w 598502"/>
                  <a:gd name="connsiteY1" fmla="*/ 0 h 6088"/>
                </a:gdLst>
                <a:ahLst/>
                <a:cxnLst>
                  <a:cxn ang="0">
                    <a:pos x="connsiteX0" y="connsiteY0"/>
                  </a:cxn>
                  <a:cxn ang="0">
                    <a:pos x="connsiteX1" y="connsiteY1"/>
                  </a:cxn>
                </a:cxnLst>
                <a:rect l="l" t="t" r="r" b="b"/>
                <a:pathLst>
                  <a:path w="598502" h="6088">
                    <a:moveTo>
                      <a:pt x="0" y="0"/>
                    </a:moveTo>
                    <a:lnTo>
                      <a:pt x="598503" y="0"/>
                    </a:lnTo>
                  </a:path>
                </a:pathLst>
              </a:custGeom>
              <a:ln w="108774" cap="rnd">
                <a:solidFill>
                  <a:srgbClr val="093371"/>
                </a:solidFill>
                <a:prstDash val="solid"/>
                <a:round/>
              </a:ln>
            </p:spPr>
            <p:txBody>
              <a:bodyPr rtlCol="0" anchor="ctr"/>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name="connsiteX0" fmla="*/ 0 w 518133"/>
                  <a:gd name="connsiteY0" fmla="*/ 0 h 6088"/>
                  <a:gd name="connsiteX1" fmla="*/ 518134 w 518133"/>
                  <a:gd name="connsiteY1" fmla="*/ 0 h 6088"/>
                </a:gdLst>
                <a:ahLst/>
                <a:cxnLst>
                  <a:cxn ang="0">
                    <a:pos x="connsiteX0" y="connsiteY0"/>
                  </a:cxn>
                  <a:cxn ang="0">
                    <a:pos x="connsiteX1" y="connsiteY1"/>
                  </a:cxn>
                </a:cxnLst>
                <a:rect l="l" t="t" r="r" b="b"/>
                <a:pathLst>
                  <a:path w="518133" h="6088">
                    <a:moveTo>
                      <a:pt x="0" y="0"/>
                    </a:moveTo>
                    <a:lnTo>
                      <a:pt x="518134" y="0"/>
                    </a:lnTo>
                  </a:path>
                </a:pathLst>
              </a:custGeom>
              <a:ln w="108774" cap="rnd">
                <a:solidFill>
                  <a:srgbClr val="093371"/>
                </a:solidFill>
                <a:prstDash val="solid"/>
                <a:round/>
              </a:ln>
            </p:spPr>
            <p:txBody>
              <a:bodyPr rtlCol="0" anchor="ctr"/>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name="connsiteX0" fmla="*/ 1139164 w 1139164"/>
                  <a:gd name="connsiteY0" fmla="*/ 454813 h 454813"/>
                  <a:gd name="connsiteX1" fmla="*/ 527267 w 1139164"/>
                  <a:gd name="connsiteY1" fmla="*/ 454813 h 454813"/>
                  <a:gd name="connsiteX2" fmla="*/ 527267 w 1139164"/>
                  <a:gd name="connsiteY2" fmla="*/ 0 h 454813"/>
                  <a:gd name="connsiteX3" fmla="*/ 0 w 1139164"/>
                  <a:gd name="connsiteY3" fmla="*/ 0 h 454813"/>
                </a:gdLst>
                <a:ahLst/>
                <a:cxnLst>
                  <a:cxn ang="0">
                    <a:pos x="connsiteX0" y="connsiteY0"/>
                  </a:cxn>
                  <a:cxn ang="0">
                    <a:pos x="connsiteX1" y="connsiteY1"/>
                  </a:cxn>
                  <a:cxn ang="0">
                    <a:pos x="connsiteX2" y="connsiteY2"/>
                  </a:cxn>
                  <a:cxn ang="0">
                    <a:pos x="connsiteX3" y="connsiteY3"/>
                  </a:cxn>
                </a:cxnLst>
                <a:rect l="l" t="t" r="r" b="b"/>
                <a:pathLst>
                  <a:path w="1139164" h="454813">
                    <a:moveTo>
                      <a:pt x="1139164" y="454813"/>
                    </a:moveTo>
                    <a:lnTo>
                      <a:pt x="527267" y="454813"/>
                    </a:lnTo>
                    <a:lnTo>
                      <a:pt x="527267" y="0"/>
                    </a:lnTo>
                    <a:lnTo>
                      <a:pt x="0" y="0"/>
                    </a:lnTo>
                  </a:path>
                </a:pathLst>
              </a:custGeom>
              <a:noFill/>
              <a:ln w="108774" cap="rnd">
                <a:solidFill>
                  <a:srgbClr val="093371"/>
                </a:solidFill>
                <a:prstDash val="solid"/>
                <a:round/>
              </a:ln>
            </p:spPr>
            <p:txBody>
              <a:bodyPr rtlCol="0" anchor="ctr"/>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wrap="square" rtlCol="0">
            <a:spAutoFit/>
          </a:bodyPr>
          <a:lstStyle/>
          <a:p>
            <a:pPr algn="ctr">
              <a:buClr>
                <a:srgbClr val="008CCF"/>
              </a:buClr>
            </a:pPr>
            <a:r>
              <a:rPr lang="es-ES" sz="2400"/>
              <a:t>Data collection</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spd="slow" p14:dur="2000" advTm="7339"/>
    </mc:Choice>
    <mc:Fallback xmlns="">
      <p:transition spd="slow" advTm="7339"/>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nodeType="clickEffect">
                                  <p:stCondLst>
                                    <p:cond delay="0"/>
                                  </p:stCondLst>
                                  <p:childTnLst>
                                    <p:set>
                                      <p:cBhvr>
                                        <p:cTn id="6" dur="1" fill="hold">
                                          <p:stCondLst>
                                            <p:cond delay="0"/>
                                          </p:stCondLst>
                                        </p:cTn>
                                        <p:tgtEl>
                                          <p:spTgt spid="13"/>
                                        </p:tgtEl>
                                        <p:attrNameLst>
                                          <p:attrName>style.visibility</p:attrName>
                                        </p:attrNameLst>
                                      </p:cBhvr>
                                      <p:to>
                                        <p:strVal val="visible"/>
                                      </p:to>
                                    </p:set>
                                    <p:animEffect transition="in" filter="fade">
                                      <p:cBhvr>
                                        <p:cTn id="7" dur="1000"/>
                                        <p:tgtEl>
                                          <p:spTgt spid="13"/>
                                        </p:tgtEl>
                                      </p:cBhvr>
                                    </p:animEffect>
                                    <p:anim calcmode="lin" valueType="num">
                                      <p:cBhvr>
                                        <p:cTn id="8" dur="1000" fill="hold"/>
                                        <p:tgtEl>
                                          <p:spTgt spid="13"/>
                                        </p:tgtEl>
                                        <p:attrNameLst>
                                          <p:attrName>ppt_x</p:attrName>
                                        </p:attrNameLst>
                                      </p:cBhvr>
                                      <p:tavLst>
                                        <p:tav tm="0">
                                          <p:val>
                                            <p:strVal val="#ppt_x"/>
                                          </p:val>
                                        </p:tav>
                                        <p:tav tm="100000">
                                          <p:val>
                                            <p:strVal val="#ppt_x"/>
                                          </p:val>
                                        </p:tav>
                                      </p:tavLst>
                                    </p:anim>
                                    <p:anim calcmode="lin" valueType="num">
                                      <p:cBhvr>
                                        <p:cTn id="9" dur="1000" fill="hold"/>
                                        <p:tgtEl>
                                          <p:spTgt spid="13"/>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10" presetClass="entr" presetSubtype="0" fill="hold" grpId="0" nodeType="clickEffect">
                                  <p:stCondLst>
                                    <p:cond delay="0"/>
                                  </p:stCondLst>
                                  <p:childTnLst>
                                    <p:set>
                                      <p:cBhvr>
                                        <p:cTn id="13" dur="1" fill="hold">
                                          <p:stCondLst>
                                            <p:cond delay="0"/>
                                          </p:stCondLst>
                                        </p:cTn>
                                        <p:tgtEl>
                                          <p:spTgt spid="29"/>
                                        </p:tgtEl>
                                        <p:attrNameLst>
                                          <p:attrName>style.visibility</p:attrName>
                                        </p:attrNameLst>
                                      </p:cBhvr>
                                      <p:to>
                                        <p:strVal val="visible"/>
                                      </p:to>
                                    </p:set>
                                    <p:animEffect transition="in" filter="fade">
                                      <p:cBhvr>
                                        <p:cTn id="14" dur="500"/>
                                        <p:tgtEl>
                                          <p:spTgt spid="29"/>
                                        </p:tgtEl>
                                      </p:cBhvr>
                                    </p:animEffect>
                                  </p:childTnLst>
                                </p:cTn>
                              </p:par>
                            </p:childTnLst>
                          </p:cTn>
                        </p:par>
                      </p:childTnLst>
                    </p:cTn>
                  </p:par>
                  <p:par>
                    <p:cTn id="15" fill="hold">
                      <p:stCondLst>
                        <p:cond delay="indefinite"/>
                      </p:stCondLst>
                      <p:childTnLst>
                        <p:par>
                          <p:cTn id="16" fill="hold">
                            <p:stCondLst>
                              <p:cond delay="0"/>
                            </p:stCondLst>
                            <p:childTnLst>
                              <p:par>
                                <p:cTn id="17" presetID="47" presetClass="entr" presetSubtype="0" fill="hold" nodeType="clickEffect">
                                  <p:stCondLst>
                                    <p:cond delay="0"/>
                                  </p:stCondLst>
                                  <p:childTnLst>
                                    <p:set>
                                      <p:cBhvr>
                                        <p:cTn id="18" dur="1" fill="hold">
                                          <p:stCondLst>
                                            <p:cond delay="0"/>
                                          </p:stCondLst>
                                        </p:cTn>
                                        <p:tgtEl>
                                          <p:spTgt spid="15"/>
                                        </p:tgtEl>
                                        <p:attrNameLst>
                                          <p:attrName>style.visibility</p:attrName>
                                        </p:attrNameLst>
                                      </p:cBhvr>
                                      <p:to>
                                        <p:strVal val="visible"/>
                                      </p:to>
                                    </p:set>
                                    <p:animEffect transition="in" filter="fade">
                                      <p:cBhvr>
                                        <p:cTn id="19" dur="500"/>
                                        <p:tgtEl>
                                          <p:spTgt spid="15"/>
                                        </p:tgtEl>
                                      </p:cBhvr>
                                    </p:animEffect>
                                    <p:anim calcmode="lin" valueType="num">
                                      <p:cBhvr>
                                        <p:cTn id="20" dur="500" fill="hold"/>
                                        <p:tgtEl>
                                          <p:spTgt spid="15"/>
                                        </p:tgtEl>
                                        <p:attrNameLst>
                                          <p:attrName>ppt_x</p:attrName>
                                        </p:attrNameLst>
                                      </p:cBhvr>
                                      <p:tavLst>
                                        <p:tav tm="0">
                                          <p:val>
                                            <p:strVal val="#ppt_x"/>
                                          </p:val>
                                        </p:tav>
                                        <p:tav tm="100000">
                                          <p:val>
                                            <p:strVal val="#ppt_x"/>
                                          </p:val>
                                        </p:tav>
                                      </p:tavLst>
                                    </p:anim>
                                    <p:anim calcmode="lin" valueType="num">
                                      <p:cBhvr>
                                        <p:cTn id="21" dur="500" fill="hold"/>
                                        <p:tgtEl>
                                          <p:spTgt spid="15"/>
                                        </p:tgtEl>
                                        <p:attrNameLst>
                                          <p:attrName>ppt_y</p:attrName>
                                        </p:attrNameLst>
                                      </p:cBhvr>
                                      <p:tavLst>
                                        <p:tav tm="0">
                                          <p:val>
                                            <p:strVal val="#ppt_y-.1"/>
                                          </p:val>
                                        </p:tav>
                                        <p:tav tm="100000">
                                          <p:val>
                                            <p:strVal val="#ppt_y"/>
                                          </p:val>
                                        </p:tav>
                                      </p:tavLst>
                                    </p:anim>
                                  </p:childTnLst>
                                </p:cTn>
                              </p:par>
                            </p:childTnLst>
                          </p:cTn>
                        </p:par>
                      </p:childTnLst>
                    </p:cTn>
                  </p:par>
                  <p:par>
                    <p:cTn id="22" fill="hold">
                      <p:stCondLst>
                        <p:cond delay="indefinite"/>
                      </p:stCondLst>
                      <p:childTnLst>
                        <p:par>
                          <p:cTn id="23" fill="hold">
                            <p:stCondLst>
                              <p:cond delay="0"/>
                            </p:stCondLst>
                            <p:childTnLst>
                              <p:par>
                                <p:cTn id="24" presetID="47" presetClass="entr" presetSubtype="0" fill="hold" nodeType="clickEffect">
                                  <p:stCondLst>
                                    <p:cond delay="0"/>
                                  </p:stCondLst>
                                  <p:childTnLst>
                                    <p:set>
                                      <p:cBhvr>
                                        <p:cTn id="25" dur="1" fill="hold">
                                          <p:stCondLst>
                                            <p:cond delay="0"/>
                                          </p:stCondLst>
                                        </p:cTn>
                                        <p:tgtEl>
                                          <p:spTgt spid="14"/>
                                        </p:tgtEl>
                                        <p:attrNameLst>
                                          <p:attrName>style.visibility</p:attrName>
                                        </p:attrNameLst>
                                      </p:cBhvr>
                                      <p:to>
                                        <p:strVal val="visible"/>
                                      </p:to>
                                    </p:set>
                                    <p:animEffect transition="in" filter="fade">
                                      <p:cBhvr>
                                        <p:cTn id="26" dur="500"/>
                                        <p:tgtEl>
                                          <p:spTgt spid="14"/>
                                        </p:tgtEl>
                                      </p:cBhvr>
                                    </p:animEffect>
                                    <p:anim calcmode="lin" valueType="num">
                                      <p:cBhvr>
                                        <p:cTn id="27" dur="500" fill="hold"/>
                                        <p:tgtEl>
                                          <p:spTgt spid="14"/>
                                        </p:tgtEl>
                                        <p:attrNameLst>
                                          <p:attrName>ppt_x</p:attrName>
                                        </p:attrNameLst>
                                      </p:cBhvr>
                                      <p:tavLst>
                                        <p:tav tm="0">
                                          <p:val>
                                            <p:strVal val="#ppt_x"/>
                                          </p:val>
                                        </p:tav>
                                        <p:tav tm="100000">
                                          <p:val>
                                            <p:strVal val="#ppt_x"/>
                                          </p:val>
                                        </p:tav>
                                      </p:tavLst>
                                    </p:anim>
                                    <p:anim calcmode="lin" valueType="num">
                                      <p:cBhvr>
                                        <p:cTn id="28" dur="500" fill="hold"/>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9"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wrap="square" rtlCol="0">
            <a:spAutoFit/>
          </a:bodyPr>
          <a:lstStyle/>
          <a:p>
            <a:pPr algn="ctr">
              <a:buClr>
                <a:srgbClr val="008CCF"/>
              </a:buClr>
            </a:pPr>
            <a:r>
              <a:rPr lang="es-ES" sz="2400"/>
              <a:t>Data analysi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wrap="square" rtlCol="0">
            <a:spAutoFit/>
          </a:bodyPr>
          <a:lstStyle/>
          <a:p>
            <a:pPr algn="ctr">
              <a:buClr>
                <a:srgbClr val="008CCF"/>
              </a:buClr>
            </a:pPr>
            <a:r>
              <a:rPr lang="es-ES" sz="2400"/>
              <a:t>Patient follow-up</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wrap="square" rtlCol="0">
            <a:spAutoFit/>
          </a:bodyPr>
          <a:lstStyle/>
          <a:p>
            <a:pPr algn="ctr">
              <a:buClr>
                <a:srgbClr val="008CCF"/>
              </a:buClr>
            </a:pPr>
            <a:r>
              <a:rPr lang="es-ES" sz="2400"/>
              <a:t>Program management</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spd="slow" p14:dur="2000" advTm="10538"/>
    </mc:Choice>
    <mc:Fallback xmlns="">
      <p:transition spd="slow" advTm="10538"/>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nodeType="click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fade">
                                      <p:cBhvr>
                                        <p:cTn id="7" dur="500"/>
                                        <p:tgtEl>
                                          <p:spTgt spid="20"/>
                                        </p:tgtEl>
                                      </p:cBhvr>
                                    </p:animEffect>
                                    <p:anim calcmode="lin" valueType="num">
                                      <p:cBhvr>
                                        <p:cTn id="8" dur="500" fill="hold"/>
                                        <p:tgtEl>
                                          <p:spTgt spid="20"/>
                                        </p:tgtEl>
                                        <p:attrNameLst>
                                          <p:attrName>ppt_x</p:attrName>
                                        </p:attrNameLst>
                                      </p:cBhvr>
                                      <p:tavLst>
                                        <p:tav tm="0">
                                          <p:val>
                                            <p:strVal val="#ppt_x"/>
                                          </p:val>
                                        </p:tav>
                                        <p:tav tm="100000">
                                          <p:val>
                                            <p:strVal val="#ppt_x"/>
                                          </p:val>
                                        </p:tav>
                                      </p:tavLst>
                                    </p:anim>
                                    <p:anim calcmode="lin" valueType="num">
                                      <p:cBhvr>
                                        <p:cTn id="9" dur="500" fill="hold"/>
                                        <p:tgtEl>
                                          <p:spTgt spid="20"/>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nodeType="clickEffect">
                                  <p:stCondLst>
                                    <p:cond delay="0"/>
                                  </p:stCondLst>
                                  <p:childTnLst>
                                    <p:set>
                                      <p:cBhvr>
                                        <p:cTn id="13" dur="1" fill="hold">
                                          <p:stCondLst>
                                            <p:cond delay="0"/>
                                          </p:stCondLst>
                                        </p:cTn>
                                        <p:tgtEl>
                                          <p:spTgt spid="23"/>
                                        </p:tgtEl>
                                        <p:attrNameLst>
                                          <p:attrName>style.visibility</p:attrName>
                                        </p:attrNameLst>
                                      </p:cBhvr>
                                      <p:to>
                                        <p:strVal val="visible"/>
                                      </p:to>
                                    </p:set>
                                    <p:animEffect transition="in" filter="fade">
                                      <p:cBhvr>
                                        <p:cTn id="14" dur="500"/>
                                        <p:tgtEl>
                                          <p:spTgt spid="23"/>
                                        </p:tgtEl>
                                      </p:cBhvr>
                                    </p:animEffect>
                                    <p:anim calcmode="lin" valueType="num">
                                      <p:cBhvr>
                                        <p:cTn id="15" dur="500" fill="hold"/>
                                        <p:tgtEl>
                                          <p:spTgt spid="23"/>
                                        </p:tgtEl>
                                        <p:attrNameLst>
                                          <p:attrName>ppt_x</p:attrName>
                                        </p:attrNameLst>
                                      </p:cBhvr>
                                      <p:tavLst>
                                        <p:tav tm="0">
                                          <p:val>
                                            <p:strVal val="#ppt_x"/>
                                          </p:val>
                                        </p:tav>
                                        <p:tav tm="100000">
                                          <p:val>
                                            <p:strVal val="#ppt_x"/>
                                          </p:val>
                                        </p:tav>
                                      </p:tavLst>
                                    </p:anim>
                                    <p:anim calcmode="lin" valueType="num">
                                      <p:cBhvr>
                                        <p:cTn id="16" dur="500" fill="hold"/>
                                        <p:tgtEl>
                                          <p:spTgt spid="23"/>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nodeType="clickEffect">
                                  <p:stCondLst>
                                    <p:cond delay="0"/>
                                  </p:stCondLst>
                                  <p:childTnLst>
                                    <p:set>
                                      <p:cBhvr>
                                        <p:cTn id="20" dur="1" fill="hold">
                                          <p:stCondLst>
                                            <p:cond delay="0"/>
                                          </p:stCondLst>
                                        </p:cTn>
                                        <p:tgtEl>
                                          <p:spTgt spid="22"/>
                                        </p:tgtEl>
                                        <p:attrNameLst>
                                          <p:attrName>style.visibility</p:attrName>
                                        </p:attrNameLst>
                                      </p:cBhvr>
                                      <p:to>
                                        <p:strVal val="visible"/>
                                      </p:to>
                                    </p:set>
                                    <p:animEffect transition="in" filter="fade">
                                      <p:cBhvr>
                                        <p:cTn id="21" dur="500"/>
                                        <p:tgtEl>
                                          <p:spTgt spid="22"/>
                                        </p:tgtEl>
                                      </p:cBhvr>
                                    </p:animEffect>
                                    <p:anim calcmode="lin" valueType="num">
                                      <p:cBhvr>
                                        <p:cTn id="22" dur="500" fill="hold"/>
                                        <p:tgtEl>
                                          <p:spTgt spid="22"/>
                                        </p:tgtEl>
                                        <p:attrNameLst>
                                          <p:attrName>ppt_x</p:attrName>
                                        </p:attrNameLst>
                                      </p:cBhvr>
                                      <p:tavLst>
                                        <p:tav tm="0">
                                          <p:val>
                                            <p:strVal val="#ppt_x"/>
                                          </p:val>
                                        </p:tav>
                                        <p:tav tm="100000">
                                          <p:val>
                                            <p:strVal val="#ppt_x"/>
                                          </p:val>
                                        </p:tav>
                                      </p:tavLst>
                                    </p:anim>
                                    <p:anim calcmode="lin" valueType="num">
                                      <p:cBhvr>
                                        <p:cTn id="23" dur="500" fill="hold"/>
                                        <p:tgtEl>
                                          <p:spTgt spid="22"/>
                                        </p:tgtEl>
                                        <p:attrNameLst>
                                          <p:attrName>ppt_y</p:attrName>
                                        </p:attrNameLst>
                                      </p:cBhvr>
                                      <p:tavLst>
                                        <p:tav tm="0">
                                          <p:val>
                                            <p:strVal val="#ppt_y+.1"/>
                                          </p:val>
                                        </p:tav>
                                        <p:tav tm="100000">
                                          <p:val>
                                            <p:strVal val="#ppt_y"/>
                                          </p:val>
                                        </p:tav>
                                      </p:tavLst>
                                    </p:anim>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grpId="0" nodeType="clickEffect">
                                  <p:stCondLst>
                                    <p:cond delay="0"/>
                                  </p:stCondLst>
                                  <p:childTnLst>
                                    <p:set>
                                      <p:cBhvr>
                                        <p:cTn id="27" dur="1" fill="hold">
                                          <p:stCondLst>
                                            <p:cond delay="0"/>
                                          </p:stCondLst>
                                        </p:cTn>
                                        <p:tgtEl>
                                          <p:spTgt spid="24"/>
                                        </p:tgtEl>
                                        <p:attrNameLst>
                                          <p:attrName>style.visibility</p:attrName>
                                        </p:attrNameLst>
                                      </p:cBhvr>
                                      <p:to>
                                        <p:strVal val="visible"/>
                                      </p:to>
                                    </p:set>
                                    <p:animEffect transition="in" filter="fade">
                                      <p:cBhvr>
                                        <p:cTn id="28" dur="500"/>
                                        <p:tgtEl>
                                          <p:spTgt spid="24"/>
                                        </p:tgtEl>
                                      </p:cBhvr>
                                    </p:animEffect>
                                  </p:childTnLst>
                                </p:cTn>
                              </p:par>
                            </p:childTnLst>
                          </p:cTn>
                        </p:par>
                      </p:childTnLst>
                    </p:cTn>
                  </p:par>
                  <p:par>
                    <p:cTn id="29" fill="hold">
                      <p:stCondLst>
                        <p:cond delay="indefinite"/>
                      </p:stCondLst>
                      <p:childTnLst>
                        <p:par>
                          <p:cTn id="30" fill="hold">
                            <p:stCondLst>
                              <p:cond delay="0"/>
                            </p:stCondLst>
                            <p:childTnLst>
                              <p:par>
                                <p:cTn id="31" presetID="10" presetClass="entr" presetSubtype="0" fill="hold" grpId="0" nodeType="clickEffect">
                                  <p:stCondLst>
                                    <p:cond delay="0"/>
                                  </p:stCondLst>
                                  <p:childTnLst>
                                    <p:set>
                                      <p:cBhvr>
                                        <p:cTn id="32" dur="1" fill="hold">
                                          <p:stCondLst>
                                            <p:cond delay="0"/>
                                          </p:stCondLst>
                                        </p:cTn>
                                        <p:tgtEl>
                                          <p:spTgt spid="25"/>
                                        </p:tgtEl>
                                        <p:attrNameLst>
                                          <p:attrName>style.visibility</p:attrName>
                                        </p:attrNameLst>
                                      </p:cBhvr>
                                      <p:to>
                                        <p:strVal val="visible"/>
                                      </p:to>
                                    </p:set>
                                    <p:animEffect transition="in" filter="fade">
                                      <p:cBhvr>
                                        <p:cTn id="33" dur="500"/>
                                        <p:tgtEl>
                                          <p:spTgt spid="25"/>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grpId="0" nodeType="clickEffect">
                                  <p:stCondLst>
                                    <p:cond delay="0"/>
                                  </p:stCondLst>
                                  <p:childTnLst>
                                    <p:set>
                                      <p:cBhvr>
                                        <p:cTn id="37" dur="1" fill="hold">
                                          <p:stCondLst>
                                            <p:cond delay="0"/>
                                          </p:stCondLst>
                                        </p:cTn>
                                        <p:tgtEl>
                                          <p:spTgt spid="26"/>
                                        </p:tgtEl>
                                        <p:attrNameLst>
                                          <p:attrName>style.visibility</p:attrName>
                                        </p:attrNameLst>
                                      </p:cBhvr>
                                      <p:to>
                                        <p:strVal val="visible"/>
                                      </p:to>
                                    </p:set>
                                    <p:animEffect transition="in" filter="fade">
                                      <p:cBhvr>
                                        <p:cTn id="38" dur="500"/>
                                        <p:tgtEl>
                                          <p:spTgt spid="2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4" grpId="0"/>
      <p:bldP spid="25" grpId="0"/>
      <p:bldP spid="26"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